
<file path=[Content_Types].xml><?xml version="1.0" encoding="utf-8"?>
<Types xmlns="http://schemas.openxmlformats.org/package/2006/content-types">
  <Default Extension="jpe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2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13.xml" ContentType="application/vnd.openxmlformats-officedocument.presentationml.notesSlide+xml"/>
  <Override PartName="/ppt/ink/ink1.xml" ContentType="application/inkml+xml"/>
  <Override PartName="/ppt/notesSlides/notesSlide14.xml" ContentType="application/vnd.openxmlformats-officedocument.presentationml.notesSlide+xml"/>
  <Override PartName="/ppt/ink/ink2.xml" ContentType="application/inkml+xml"/>
  <Override PartName="/ppt/notesSlides/notesSlide15.xml" ContentType="application/vnd.openxmlformats-officedocument.presentationml.notesSlide+xml"/>
  <Override PartName="/ppt/ink/ink3.xml" ContentType="application/inkml+xml"/>
  <Override PartName="/ppt/notesSlides/notesSlide16.xml" ContentType="application/vnd.openxmlformats-officedocument.presentationml.notesSlide+xml"/>
  <Override PartName="/ppt/ink/ink4.xml" ContentType="application/inkml+xml"/>
  <Override PartName="/ppt/notesSlides/notesSlide17.xml" ContentType="application/vnd.openxmlformats-officedocument.presentationml.notesSlide+xml"/>
  <Override PartName="/ppt/ink/ink5.xml" ContentType="application/inkml+xml"/>
  <Override PartName="/ppt/notesSlides/notesSlide18.xml" ContentType="application/vnd.openxmlformats-officedocument.presentationml.notesSlide+xml"/>
  <Override PartName="/ppt/ink/ink6.xml" ContentType="application/inkml+xml"/>
  <Override PartName="/ppt/notesSlides/notesSlide19.xml" ContentType="application/vnd.openxmlformats-officedocument.presentationml.notesSlide+xml"/>
  <Override PartName="/ppt/ink/ink7.xml" ContentType="application/inkml+xml"/>
  <Override PartName="/ppt/notesSlides/notesSlide20.xml" ContentType="application/vnd.openxmlformats-officedocument.presentationml.notesSlide+xml"/>
  <Override PartName="/ppt/ink/ink8.xml" ContentType="application/inkml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5" r:id="rId4"/>
  </p:sldMasterIdLst>
  <p:notesMasterIdLst>
    <p:notesMasterId r:id="rId25"/>
  </p:notesMasterIdLst>
  <p:handoutMasterIdLst>
    <p:handoutMasterId r:id="rId26"/>
  </p:handoutMasterIdLst>
  <p:sldIdLst>
    <p:sldId id="312" r:id="rId5"/>
    <p:sldId id="316" r:id="rId6"/>
    <p:sldId id="337" r:id="rId7"/>
    <p:sldId id="330" r:id="rId8"/>
    <p:sldId id="263" r:id="rId9"/>
    <p:sldId id="340" r:id="rId10"/>
    <p:sldId id="339" r:id="rId11"/>
    <p:sldId id="341" r:id="rId12"/>
    <p:sldId id="342" r:id="rId13"/>
    <p:sldId id="343" r:id="rId14"/>
    <p:sldId id="344" r:id="rId15"/>
    <p:sldId id="345" r:id="rId16"/>
    <p:sldId id="347" r:id="rId17"/>
    <p:sldId id="348" r:id="rId18"/>
    <p:sldId id="349" r:id="rId19"/>
    <p:sldId id="350" r:id="rId20"/>
    <p:sldId id="353" r:id="rId21"/>
    <p:sldId id="352" r:id="rId22"/>
    <p:sldId id="351" r:id="rId23"/>
    <p:sldId id="354" r:id="rId24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njan" initials="A" lastIdx="1" clrIdx="0">
    <p:extLst>
      <p:ext uri="{19B8F6BF-5375-455C-9EA6-DF929625EA0E}">
        <p15:presenceInfo xmlns:p15="http://schemas.microsoft.com/office/powerpoint/2012/main" userId="1b85454963e72546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CE5EF"/>
    <a:srgbClr val="D2EADB"/>
    <a:srgbClr val="DC482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46F890A9-2807-4EBB-B81D-B2AA78EC7F39}" styleName="Dark Style 2 - Accent 5/Accent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5202B0CA-FC54-4496-8BCA-5EF66A818D29}" styleName="Dark Style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717" autoAdjust="0"/>
  </p:normalViewPr>
  <p:slideViewPr>
    <p:cSldViewPr snapToGrid="0">
      <p:cViewPr varScale="1">
        <p:scale>
          <a:sx n="114" d="100"/>
          <a:sy n="114" d="100"/>
        </p:scale>
        <p:origin x="414" y="102"/>
      </p:cViewPr>
      <p:guideLst/>
    </p:cSldViewPr>
  </p:slideViewPr>
  <p:outlineViewPr>
    <p:cViewPr>
      <p:scale>
        <a:sx n="33" d="100"/>
        <a:sy n="33" d="100"/>
      </p:scale>
      <p:origin x="0" y="-348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1522"/>
    </p:cViewPr>
  </p:sorterViewPr>
  <p:notesViewPr>
    <p:cSldViewPr snapToGrid="0">
      <p:cViewPr varScale="1">
        <p:scale>
          <a:sx n="87" d="100"/>
          <a:sy n="87" d="100"/>
        </p:scale>
        <p:origin x="3840" y="66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commentAuthors" Target="commentAuthors.xml"/><Relationship Id="rId30" Type="http://schemas.openxmlformats.org/officeDocument/2006/relationships/theme" Target="theme/theme1.xml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svg"/><Relationship Id="rId1" Type="http://schemas.openxmlformats.org/officeDocument/2006/relationships/image" Target="../media/image9.png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sv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svg"/><Relationship Id="rId1" Type="http://schemas.openxmlformats.org/officeDocument/2006/relationships/image" Target="../media/image9.png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0_1">
  <dgm:title val=""/>
  <dgm:desc val=""/>
  <dgm:catLst>
    <dgm:cat type="mainScheme" pri="10100"/>
  </dgm:catLst>
  <dgm:styleLbl name="node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3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4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dk1">
        <a:alpha val="4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1">
        <a:shade val="8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1">
        <a:tint val="50000"/>
        <a:alpha val="4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bg_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C1ED206-8822-438B-ADD1-60CE26C7E8CD}" type="doc">
      <dgm:prSet loTypeId="urn:microsoft.com/office/officeart/2008/layout/LinedList" loCatId="list" qsTypeId="urn:microsoft.com/office/officeart/2005/8/quickstyle/3d1" qsCatId="3D" csTypeId="urn:microsoft.com/office/officeart/2005/8/colors/accent0_1" csCatId="mainScheme" phldr="1"/>
      <dgm:spPr/>
      <dgm:t>
        <a:bodyPr/>
        <a:lstStyle/>
        <a:p>
          <a:endParaRPr lang="en-US"/>
        </a:p>
      </dgm:t>
    </dgm:pt>
    <dgm:pt modelId="{6C5A2AAD-FBDB-4578-BBE3-EC99D9196635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1. Problem Statement</a:t>
          </a:r>
        </a:p>
      </dgm:t>
    </dgm:pt>
    <dgm:pt modelId="{F9FFFCCF-7ADD-4AE9-AE35-C3F948ED7183}" type="parTrans" cxnId="{44E4B023-0ABB-4D20-A518-DC304D292967}">
      <dgm:prSet/>
      <dgm:spPr/>
      <dgm:t>
        <a:bodyPr/>
        <a:lstStyle/>
        <a:p>
          <a:endParaRPr lang="en-US"/>
        </a:p>
      </dgm:t>
    </dgm:pt>
    <dgm:pt modelId="{9D982745-AF15-4825-BD3B-065267660F18}" type="sibTrans" cxnId="{44E4B023-0ABB-4D20-A518-DC304D292967}">
      <dgm:prSet/>
      <dgm:spPr/>
      <dgm:t>
        <a:bodyPr/>
        <a:lstStyle/>
        <a:p>
          <a:endParaRPr lang="en-US"/>
        </a:p>
      </dgm:t>
    </dgm:pt>
    <dgm:pt modelId="{1828CC70-EA39-4103-8766-4BF20150B672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2. Objective Statements </a:t>
          </a:r>
        </a:p>
      </dgm:t>
    </dgm:pt>
    <dgm:pt modelId="{F0413E34-D9EB-4552-91AF-C5C89C810D96}" type="parTrans" cxnId="{40A501E3-DBAF-4B80-94B1-00EE5D278934}">
      <dgm:prSet/>
      <dgm:spPr/>
      <dgm:t>
        <a:bodyPr/>
        <a:lstStyle/>
        <a:p>
          <a:endParaRPr lang="en-US"/>
        </a:p>
      </dgm:t>
    </dgm:pt>
    <dgm:pt modelId="{389CBDA7-F968-4673-B8F7-86347F7EAF4C}" type="sibTrans" cxnId="{40A501E3-DBAF-4B80-94B1-00EE5D278934}">
      <dgm:prSet/>
      <dgm:spPr/>
      <dgm:t>
        <a:bodyPr/>
        <a:lstStyle/>
        <a:p>
          <a:endParaRPr lang="en-US"/>
        </a:p>
      </dgm:t>
    </dgm:pt>
    <dgm:pt modelId="{31874862-6E9A-4DEE-9252-1475E35C2FE3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4. Market Need</a:t>
          </a:r>
        </a:p>
      </dgm:t>
    </dgm:pt>
    <dgm:pt modelId="{1AF11E80-4320-4746-B33F-23A0199A98C2}" type="parTrans" cxnId="{F3477BFC-7DF8-40FC-AA34-BEAAEBC5DE8E}">
      <dgm:prSet/>
      <dgm:spPr/>
      <dgm:t>
        <a:bodyPr/>
        <a:lstStyle/>
        <a:p>
          <a:endParaRPr lang="en-US"/>
        </a:p>
      </dgm:t>
    </dgm:pt>
    <dgm:pt modelId="{26339203-5551-4C48-BF8A-E975AFBBFA2F}" type="sibTrans" cxnId="{F3477BFC-7DF8-40FC-AA34-BEAAEBC5DE8E}">
      <dgm:prSet/>
      <dgm:spPr/>
      <dgm:t>
        <a:bodyPr/>
        <a:lstStyle/>
        <a:p>
          <a:endParaRPr lang="en-US"/>
        </a:p>
      </dgm:t>
    </dgm:pt>
    <dgm:pt modelId="{02C23EF2-C3DA-45D5-BC5E-DCD4ACAA9DF0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7. Competition Analysis</a:t>
          </a:r>
        </a:p>
      </dgm:t>
    </dgm:pt>
    <dgm:pt modelId="{85DE727F-531F-483A-ABF7-9E0B883F0C31}" type="parTrans" cxnId="{84F57F29-6A7A-4DB2-A677-510FD5AF498A}">
      <dgm:prSet/>
      <dgm:spPr/>
      <dgm:t>
        <a:bodyPr/>
        <a:lstStyle/>
        <a:p>
          <a:endParaRPr lang="en-US"/>
        </a:p>
      </dgm:t>
    </dgm:pt>
    <dgm:pt modelId="{5462A3FC-0FF2-4774-8FB8-4D94423B7345}" type="sibTrans" cxnId="{84F57F29-6A7A-4DB2-A677-510FD5AF498A}">
      <dgm:prSet/>
      <dgm:spPr/>
      <dgm:t>
        <a:bodyPr/>
        <a:lstStyle/>
        <a:p>
          <a:endParaRPr lang="en-US"/>
        </a:p>
      </dgm:t>
    </dgm:pt>
    <dgm:pt modelId="{3ECFE07F-89DA-46EB-AC5B-88ABC00C93E8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6. Targeted audience</a:t>
          </a:r>
        </a:p>
      </dgm:t>
    </dgm:pt>
    <dgm:pt modelId="{DD49315B-7E9B-4EF2-AD4D-3BE92C8E7D0E}" type="parTrans" cxnId="{1026E9D7-1054-46B3-AC71-1AC52129E7B2}">
      <dgm:prSet/>
      <dgm:spPr/>
      <dgm:t>
        <a:bodyPr/>
        <a:lstStyle/>
        <a:p>
          <a:endParaRPr lang="en-US"/>
        </a:p>
      </dgm:t>
    </dgm:pt>
    <dgm:pt modelId="{90A579D4-4468-41FC-935E-25940163F343}" type="sibTrans" cxnId="{1026E9D7-1054-46B3-AC71-1AC52129E7B2}">
      <dgm:prSet/>
      <dgm:spPr/>
      <dgm:t>
        <a:bodyPr/>
        <a:lstStyle/>
        <a:p>
          <a:endParaRPr lang="en-US"/>
        </a:p>
      </dgm:t>
    </dgm:pt>
    <dgm:pt modelId="{438359A1-5495-4DF6-8B66-1EA94961E956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8. Customer Acquisition Model</a:t>
          </a:r>
        </a:p>
      </dgm:t>
    </dgm:pt>
    <dgm:pt modelId="{094E9BD5-D630-4EAA-811C-EE26BE8D1C77}" type="parTrans" cxnId="{DEE9AFEE-753D-4B5E-BAA5-9CC3A701BA41}">
      <dgm:prSet/>
      <dgm:spPr/>
      <dgm:t>
        <a:bodyPr/>
        <a:lstStyle/>
        <a:p>
          <a:endParaRPr lang="en-US"/>
        </a:p>
      </dgm:t>
    </dgm:pt>
    <dgm:pt modelId="{1FEEC36B-56FD-436B-8382-7B58FD8E7D21}" type="sibTrans" cxnId="{DEE9AFEE-753D-4B5E-BAA5-9CC3A701BA41}">
      <dgm:prSet/>
      <dgm:spPr/>
      <dgm:t>
        <a:bodyPr/>
        <a:lstStyle/>
        <a:p>
          <a:endParaRPr lang="en-US"/>
        </a:p>
      </dgm:t>
    </dgm:pt>
    <dgm:pt modelId="{36E624E4-AEA2-4039-9B4E-31AC1EFDC69C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9. Brand Voice</a:t>
          </a:r>
        </a:p>
      </dgm:t>
    </dgm:pt>
    <dgm:pt modelId="{DF72AC35-15B2-47C5-9806-D668397B610C}" type="parTrans" cxnId="{3B621F9F-4046-4333-B463-2C0B167845AC}">
      <dgm:prSet/>
      <dgm:spPr/>
      <dgm:t>
        <a:bodyPr/>
        <a:lstStyle/>
        <a:p>
          <a:endParaRPr lang="en-US"/>
        </a:p>
      </dgm:t>
    </dgm:pt>
    <dgm:pt modelId="{39F96FB7-5127-4B31-ACF7-C02428A29442}" type="sibTrans" cxnId="{3B621F9F-4046-4333-B463-2C0B167845AC}">
      <dgm:prSet/>
      <dgm:spPr/>
      <dgm:t>
        <a:bodyPr/>
        <a:lstStyle/>
        <a:p>
          <a:endParaRPr lang="en-US"/>
        </a:p>
      </dgm:t>
    </dgm:pt>
    <dgm:pt modelId="{D8A54A68-4E3D-4D16-9CEE-72106D9DE974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10. Requirement Analysis</a:t>
          </a:r>
        </a:p>
      </dgm:t>
    </dgm:pt>
    <dgm:pt modelId="{815636CF-C21D-46C0-9D63-85D7355CD9F8}" type="parTrans" cxnId="{F87B8B73-79BD-459D-84D3-EA5993E757BC}">
      <dgm:prSet/>
      <dgm:spPr/>
      <dgm:t>
        <a:bodyPr/>
        <a:lstStyle/>
        <a:p>
          <a:endParaRPr lang="en-US"/>
        </a:p>
      </dgm:t>
    </dgm:pt>
    <dgm:pt modelId="{E7DE5A19-D3D2-4709-9516-15262BA19784}" type="sibTrans" cxnId="{F87B8B73-79BD-459D-84D3-EA5993E757BC}">
      <dgm:prSet/>
      <dgm:spPr/>
      <dgm:t>
        <a:bodyPr/>
        <a:lstStyle/>
        <a:p>
          <a:endParaRPr lang="en-US"/>
        </a:p>
      </dgm:t>
    </dgm:pt>
    <dgm:pt modelId="{CA6B0D4E-3CA2-41B3-B42E-55FC7560A9C8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11. Case Diagram</a:t>
          </a:r>
        </a:p>
      </dgm:t>
    </dgm:pt>
    <dgm:pt modelId="{7DF9323F-9D6B-4644-B741-AC44CBA0211B}" type="parTrans" cxnId="{0BF2AB9D-0FB8-449D-BB5C-AEEDC5309284}">
      <dgm:prSet/>
      <dgm:spPr/>
      <dgm:t>
        <a:bodyPr/>
        <a:lstStyle/>
        <a:p>
          <a:endParaRPr lang="en-US"/>
        </a:p>
      </dgm:t>
    </dgm:pt>
    <dgm:pt modelId="{3CB04661-A890-4552-AB1E-27D5901AD256}" type="sibTrans" cxnId="{0BF2AB9D-0FB8-449D-BB5C-AEEDC5309284}">
      <dgm:prSet/>
      <dgm:spPr/>
      <dgm:t>
        <a:bodyPr/>
        <a:lstStyle/>
        <a:p>
          <a:endParaRPr lang="en-US"/>
        </a:p>
      </dgm:t>
    </dgm:pt>
    <dgm:pt modelId="{822499E1-6A43-4AA8-AE38-A989FD441857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12. App user flow chart</a:t>
          </a:r>
        </a:p>
      </dgm:t>
    </dgm:pt>
    <dgm:pt modelId="{068553C8-42A0-44D4-BF46-68BF31CF01C0}" type="parTrans" cxnId="{FDDE12AD-9774-4149-B46C-B0217A94E18F}">
      <dgm:prSet/>
      <dgm:spPr/>
      <dgm:t>
        <a:bodyPr/>
        <a:lstStyle/>
        <a:p>
          <a:endParaRPr lang="en-US"/>
        </a:p>
      </dgm:t>
    </dgm:pt>
    <dgm:pt modelId="{FA814672-E844-4508-AE22-3966B5237BF1}" type="sibTrans" cxnId="{FDDE12AD-9774-4149-B46C-B0217A94E18F}">
      <dgm:prSet/>
      <dgm:spPr/>
      <dgm:t>
        <a:bodyPr/>
        <a:lstStyle/>
        <a:p>
          <a:endParaRPr lang="en-US"/>
        </a:p>
      </dgm:t>
    </dgm:pt>
    <dgm:pt modelId="{8D89BC51-930F-472C-8B09-3B987F8FBD49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13. ER diagram for database</a:t>
          </a:r>
        </a:p>
      </dgm:t>
    </dgm:pt>
    <dgm:pt modelId="{B78C6609-1F5A-49E3-A109-4EA0562CD5D8}" type="parTrans" cxnId="{859A5060-4403-426A-B763-55BD696ABAE6}">
      <dgm:prSet/>
      <dgm:spPr/>
      <dgm:t>
        <a:bodyPr/>
        <a:lstStyle/>
        <a:p>
          <a:endParaRPr lang="en-US"/>
        </a:p>
      </dgm:t>
    </dgm:pt>
    <dgm:pt modelId="{610D65DE-E6AE-4067-931E-9C35E6A98E3E}" type="sibTrans" cxnId="{859A5060-4403-426A-B763-55BD696ABAE6}">
      <dgm:prSet/>
      <dgm:spPr/>
      <dgm:t>
        <a:bodyPr/>
        <a:lstStyle/>
        <a:p>
          <a:endParaRPr lang="en-US"/>
        </a:p>
      </dgm:t>
    </dgm:pt>
    <dgm:pt modelId="{50F1421E-E753-4AA5-B184-00A2AD2D89E0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14. App sample framework </a:t>
          </a:r>
        </a:p>
      </dgm:t>
    </dgm:pt>
    <dgm:pt modelId="{EB4563D2-3A7D-43B1-AA13-4E2CAF9C1B02}" type="parTrans" cxnId="{6BAE2587-C714-49D5-BA67-2915ACF34576}">
      <dgm:prSet/>
      <dgm:spPr/>
      <dgm:t>
        <a:bodyPr/>
        <a:lstStyle/>
        <a:p>
          <a:endParaRPr lang="en-US"/>
        </a:p>
      </dgm:t>
    </dgm:pt>
    <dgm:pt modelId="{EB7A3C1B-434B-4342-B673-0C85BA80D4F6}" type="sibTrans" cxnId="{6BAE2587-C714-49D5-BA67-2915ACF34576}">
      <dgm:prSet/>
      <dgm:spPr/>
      <dgm:t>
        <a:bodyPr/>
        <a:lstStyle/>
        <a:p>
          <a:endParaRPr lang="en-US"/>
        </a:p>
      </dgm:t>
    </dgm:pt>
    <dgm:pt modelId="{FAA35836-C08E-48B1-9EB9-B4570202E441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16. Reference</a:t>
          </a:r>
        </a:p>
      </dgm:t>
    </dgm:pt>
    <dgm:pt modelId="{271D870C-FEC2-4712-919F-CF0EEF20B271}" type="parTrans" cxnId="{6A1BB307-7FD0-45A6-82A3-0D0DCCA89BEB}">
      <dgm:prSet/>
      <dgm:spPr/>
      <dgm:t>
        <a:bodyPr/>
        <a:lstStyle/>
        <a:p>
          <a:endParaRPr lang="en-US"/>
        </a:p>
      </dgm:t>
    </dgm:pt>
    <dgm:pt modelId="{5242E6E2-3543-40FA-80B7-2009D5A5A4A6}" type="sibTrans" cxnId="{6A1BB307-7FD0-45A6-82A3-0D0DCCA89BEB}">
      <dgm:prSet/>
      <dgm:spPr/>
      <dgm:t>
        <a:bodyPr/>
        <a:lstStyle/>
        <a:p>
          <a:endParaRPr lang="en-US"/>
        </a:p>
      </dgm:t>
    </dgm:pt>
    <dgm:pt modelId="{F73FC193-3A4D-4E89-9740-F435016553D8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3. Project Timeline</a:t>
          </a:r>
        </a:p>
      </dgm:t>
    </dgm:pt>
    <dgm:pt modelId="{3AAE6C71-82D5-4AC4-B665-AB7C156EB5C4}" type="parTrans" cxnId="{DA110DB5-2A3A-4FA5-BBB9-5EE97D88624C}">
      <dgm:prSet/>
      <dgm:spPr/>
      <dgm:t>
        <a:bodyPr/>
        <a:lstStyle/>
        <a:p>
          <a:endParaRPr lang="en-US"/>
        </a:p>
      </dgm:t>
    </dgm:pt>
    <dgm:pt modelId="{EA899F18-4974-41ED-8B67-4C2FE07869A3}" type="sibTrans" cxnId="{DA110DB5-2A3A-4FA5-BBB9-5EE97D88624C}">
      <dgm:prSet/>
      <dgm:spPr/>
      <dgm:t>
        <a:bodyPr/>
        <a:lstStyle/>
        <a:p>
          <a:endParaRPr lang="en-US"/>
        </a:p>
      </dgm:t>
    </dgm:pt>
    <dgm:pt modelId="{01EB4F3D-7473-47B8-87F6-F8AD8C9ACB4B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5. Startup Process</a:t>
          </a:r>
        </a:p>
      </dgm:t>
    </dgm:pt>
    <dgm:pt modelId="{98AF4437-5548-44CE-AF10-04F2F6E701EC}" type="parTrans" cxnId="{90EE838B-4130-4D9D-A3C8-EA4441E0A637}">
      <dgm:prSet/>
      <dgm:spPr/>
      <dgm:t>
        <a:bodyPr/>
        <a:lstStyle/>
        <a:p>
          <a:endParaRPr lang="en-US"/>
        </a:p>
      </dgm:t>
    </dgm:pt>
    <dgm:pt modelId="{F96B417D-979C-4B67-85B4-EB9DD95836DF}" type="sibTrans" cxnId="{90EE838B-4130-4D9D-A3C8-EA4441E0A637}">
      <dgm:prSet/>
      <dgm:spPr/>
      <dgm:t>
        <a:bodyPr/>
        <a:lstStyle/>
        <a:p>
          <a:endParaRPr lang="en-US"/>
        </a:p>
      </dgm:t>
    </dgm:pt>
    <dgm:pt modelId="{47F4A790-3E64-442A-80E3-35BF7DBC11DD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15. Prototype demonstration</a:t>
          </a:r>
        </a:p>
      </dgm:t>
    </dgm:pt>
    <dgm:pt modelId="{E463487A-D639-4D53-BBCB-A22143294B4A}" type="parTrans" cxnId="{63BF4C37-39F7-4F3F-8191-43E6465FDA09}">
      <dgm:prSet/>
      <dgm:spPr/>
      <dgm:t>
        <a:bodyPr/>
        <a:lstStyle/>
        <a:p>
          <a:endParaRPr lang="en-US"/>
        </a:p>
      </dgm:t>
    </dgm:pt>
    <dgm:pt modelId="{614C50FD-08A0-4E32-8575-85257BFBC457}" type="sibTrans" cxnId="{63BF4C37-39F7-4F3F-8191-43E6465FDA09}">
      <dgm:prSet/>
      <dgm:spPr/>
      <dgm:t>
        <a:bodyPr/>
        <a:lstStyle/>
        <a:p>
          <a:endParaRPr lang="en-US"/>
        </a:p>
      </dgm:t>
    </dgm:pt>
    <dgm:pt modelId="{466C636E-3D4C-4387-9147-B0AC97EF9007}" type="pres">
      <dgm:prSet presAssocID="{8C1ED206-8822-438B-ADD1-60CE26C7E8CD}" presName="vert0" presStyleCnt="0">
        <dgm:presLayoutVars>
          <dgm:dir/>
          <dgm:animOne val="branch"/>
          <dgm:animLvl val="lvl"/>
        </dgm:presLayoutVars>
      </dgm:prSet>
      <dgm:spPr/>
    </dgm:pt>
    <dgm:pt modelId="{998E33D2-30D1-44BF-AFCF-7F82E1953B66}" type="pres">
      <dgm:prSet presAssocID="{6C5A2AAD-FBDB-4578-BBE3-EC99D9196635}" presName="thickLine" presStyleLbl="alignNode1" presStyleIdx="0" presStyleCnt="16"/>
      <dgm:spPr/>
    </dgm:pt>
    <dgm:pt modelId="{D6DD41A9-1A90-49B6-8E55-03ADE270085E}" type="pres">
      <dgm:prSet presAssocID="{6C5A2AAD-FBDB-4578-BBE3-EC99D9196635}" presName="horz1" presStyleCnt="0"/>
      <dgm:spPr/>
    </dgm:pt>
    <dgm:pt modelId="{2C4F92DE-9207-4E23-8FF1-FBE8DE8C7168}" type="pres">
      <dgm:prSet presAssocID="{6C5A2AAD-FBDB-4578-BBE3-EC99D9196635}" presName="tx1" presStyleLbl="revTx" presStyleIdx="0" presStyleCnt="16"/>
      <dgm:spPr/>
    </dgm:pt>
    <dgm:pt modelId="{A7C41EBB-B2EC-4B9D-B3FA-07482414B0F3}" type="pres">
      <dgm:prSet presAssocID="{6C5A2AAD-FBDB-4578-BBE3-EC99D9196635}" presName="vert1" presStyleCnt="0"/>
      <dgm:spPr/>
    </dgm:pt>
    <dgm:pt modelId="{425FFAAE-45D9-482A-A6D5-938135380433}" type="pres">
      <dgm:prSet presAssocID="{1828CC70-EA39-4103-8766-4BF20150B672}" presName="thickLine" presStyleLbl="alignNode1" presStyleIdx="1" presStyleCnt="16"/>
      <dgm:spPr/>
    </dgm:pt>
    <dgm:pt modelId="{DC84AC7C-D9E4-41A0-A1CB-7CC538E34DB4}" type="pres">
      <dgm:prSet presAssocID="{1828CC70-EA39-4103-8766-4BF20150B672}" presName="horz1" presStyleCnt="0"/>
      <dgm:spPr/>
    </dgm:pt>
    <dgm:pt modelId="{408CA101-7ABA-43F5-AA41-810A96DFAB6A}" type="pres">
      <dgm:prSet presAssocID="{1828CC70-EA39-4103-8766-4BF20150B672}" presName="tx1" presStyleLbl="revTx" presStyleIdx="1" presStyleCnt="16" custLinFactNeighborY="-5398"/>
      <dgm:spPr/>
    </dgm:pt>
    <dgm:pt modelId="{8A4C7807-896B-4AA3-AB36-B54CCB4ED8E1}" type="pres">
      <dgm:prSet presAssocID="{1828CC70-EA39-4103-8766-4BF20150B672}" presName="vert1" presStyleCnt="0"/>
      <dgm:spPr/>
    </dgm:pt>
    <dgm:pt modelId="{76A1FF92-6CD3-4604-ACC0-20B9F1D5E04B}" type="pres">
      <dgm:prSet presAssocID="{F73FC193-3A4D-4E89-9740-F435016553D8}" presName="thickLine" presStyleLbl="alignNode1" presStyleIdx="2" presStyleCnt="16"/>
      <dgm:spPr/>
    </dgm:pt>
    <dgm:pt modelId="{7232EFCC-83DE-40E8-972D-B6319322527D}" type="pres">
      <dgm:prSet presAssocID="{F73FC193-3A4D-4E89-9740-F435016553D8}" presName="horz1" presStyleCnt="0"/>
      <dgm:spPr/>
    </dgm:pt>
    <dgm:pt modelId="{ABC82CA1-594A-401F-89D7-850992B87F98}" type="pres">
      <dgm:prSet presAssocID="{F73FC193-3A4D-4E89-9740-F435016553D8}" presName="tx1" presStyleLbl="revTx" presStyleIdx="2" presStyleCnt="16"/>
      <dgm:spPr/>
    </dgm:pt>
    <dgm:pt modelId="{D7E843E7-3AAC-4BF5-8E0C-CAD90AF114FB}" type="pres">
      <dgm:prSet presAssocID="{F73FC193-3A4D-4E89-9740-F435016553D8}" presName="vert1" presStyleCnt="0"/>
      <dgm:spPr/>
    </dgm:pt>
    <dgm:pt modelId="{31439354-66D3-4319-8066-FE26EEA34ED2}" type="pres">
      <dgm:prSet presAssocID="{31874862-6E9A-4DEE-9252-1475E35C2FE3}" presName="thickLine" presStyleLbl="alignNode1" presStyleIdx="3" presStyleCnt="16"/>
      <dgm:spPr/>
    </dgm:pt>
    <dgm:pt modelId="{3D669F87-F995-4B58-B4E4-02751D817DAF}" type="pres">
      <dgm:prSet presAssocID="{31874862-6E9A-4DEE-9252-1475E35C2FE3}" presName="horz1" presStyleCnt="0"/>
      <dgm:spPr/>
    </dgm:pt>
    <dgm:pt modelId="{CE2D1A71-3F1C-4525-B9C2-FD1D056A1A2F}" type="pres">
      <dgm:prSet presAssocID="{31874862-6E9A-4DEE-9252-1475E35C2FE3}" presName="tx1" presStyleLbl="revTx" presStyleIdx="3" presStyleCnt="16"/>
      <dgm:spPr/>
    </dgm:pt>
    <dgm:pt modelId="{8A0B749E-92F9-4E0A-83A0-290BCAB863F7}" type="pres">
      <dgm:prSet presAssocID="{31874862-6E9A-4DEE-9252-1475E35C2FE3}" presName="vert1" presStyleCnt="0"/>
      <dgm:spPr/>
    </dgm:pt>
    <dgm:pt modelId="{BBBF0B54-E9FF-434E-BBF0-EFCCA12C8060}" type="pres">
      <dgm:prSet presAssocID="{01EB4F3D-7473-47B8-87F6-F8AD8C9ACB4B}" presName="thickLine" presStyleLbl="alignNode1" presStyleIdx="4" presStyleCnt="16"/>
      <dgm:spPr/>
    </dgm:pt>
    <dgm:pt modelId="{6459D494-49BE-45E6-9C9B-1DCF0F98EE0B}" type="pres">
      <dgm:prSet presAssocID="{01EB4F3D-7473-47B8-87F6-F8AD8C9ACB4B}" presName="horz1" presStyleCnt="0"/>
      <dgm:spPr/>
    </dgm:pt>
    <dgm:pt modelId="{2DD987BF-3852-4AF7-AFBE-4C8C02670C43}" type="pres">
      <dgm:prSet presAssocID="{01EB4F3D-7473-47B8-87F6-F8AD8C9ACB4B}" presName="tx1" presStyleLbl="revTx" presStyleIdx="4" presStyleCnt="16"/>
      <dgm:spPr/>
    </dgm:pt>
    <dgm:pt modelId="{FB8109B3-56DE-4CF0-83B2-1609EBA5ECF6}" type="pres">
      <dgm:prSet presAssocID="{01EB4F3D-7473-47B8-87F6-F8AD8C9ACB4B}" presName="vert1" presStyleCnt="0"/>
      <dgm:spPr/>
    </dgm:pt>
    <dgm:pt modelId="{47A1DCE5-4C7E-4381-A2CA-642E0BF1C37A}" type="pres">
      <dgm:prSet presAssocID="{02C23EF2-C3DA-45D5-BC5E-DCD4ACAA9DF0}" presName="thickLine" presStyleLbl="alignNode1" presStyleIdx="5" presStyleCnt="16"/>
      <dgm:spPr/>
    </dgm:pt>
    <dgm:pt modelId="{9420CD12-861D-44A5-A9AC-88BA82F792FD}" type="pres">
      <dgm:prSet presAssocID="{02C23EF2-C3DA-45D5-BC5E-DCD4ACAA9DF0}" presName="horz1" presStyleCnt="0"/>
      <dgm:spPr/>
    </dgm:pt>
    <dgm:pt modelId="{2DE084AE-524F-4722-AF61-1BCDB4BABE62}" type="pres">
      <dgm:prSet presAssocID="{02C23EF2-C3DA-45D5-BC5E-DCD4ACAA9DF0}" presName="tx1" presStyleLbl="revTx" presStyleIdx="5" presStyleCnt="16" custLinFactNeighborX="142" custLinFactNeighborY="94200"/>
      <dgm:spPr/>
    </dgm:pt>
    <dgm:pt modelId="{66E9F08B-4269-4FDC-9CC9-4D1CBFB9F5EC}" type="pres">
      <dgm:prSet presAssocID="{02C23EF2-C3DA-45D5-BC5E-DCD4ACAA9DF0}" presName="vert1" presStyleCnt="0"/>
      <dgm:spPr/>
    </dgm:pt>
    <dgm:pt modelId="{71A52498-1D7B-4ABD-8E1E-6A1244B0B3AB}" type="pres">
      <dgm:prSet presAssocID="{3ECFE07F-89DA-46EB-AC5B-88ABC00C93E8}" presName="thickLine" presStyleLbl="alignNode1" presStyleIdx="6" presStyleCnt="16"/>
      <dgm:spPr/>
    </dgm:pt>
    <dgm:pt modelId="{52C231F2-154A-4FEE-891A-9A2539792D9E}" type="pres">
      <dgm:prSet presAssocID="{3ECFE07F-89DA-46EB-AC5B-88ABC00C93E8}" presName="horz1" presStyleCnt="0"/>
      <dgm:spPr/>
    </dgm:pt>
    <dgm:pt modelId="{C1FC7D5F-5281-4842-BDA4-AF4B9B655DFE}" type="pres">
      <dgm:prSet presAssocID="{3ECFE07F-89DA-46EB-AC5B-88ABC00C93E8}" presName="tx1" presStyleLbl="revTx" presStyleIdx="6" presStyleCnt="16" custLinFactNeighborY="-98995"/>
      <dgm:spPr/>
    </dgm:pt>
    <dgm:pt modelId="{AF7EDE0A-1129-41B2-911C-09AA2B0DA489}" type="pres">
      <dgm:prSet presAssocID="{3ECFE07F-89DA-46EB-AC5B-88ABC00C93E8}" presName="vert1" presStyleCnt="0"/>
      <dgm:spPr/>
    </dgm:pt>
    <dgm:pt modelId="{95218ED3-2ECF-4EBE-BD4F-7A19F002AF69}" type="pres">
      <dgm:prSet presAssocID="{438359A1-5495-4DF6-8B66-1EA94961E956}" presName="thickLine" presStyleLbl="alignNode1" presStyleIdx="7" presStyleCnt="16"/>
      <dgm:spPr/>
    </dgm:pt>
    <dgm:pt modelId="{31F785E3-268D-460E-A65E-E824A9698CC6}" type="pres">
      <dgm:prSet presAssocID="{438359A1-5495-4DF6-8B66-1EA94961E956}" presName="horz1" presStyleCnt="0"/>
      <dgm:spPr/>
    </dgm:pt>
    <dgm:pt modelId="{594F83C9-5BD7-4AD7-AA7F-9851F7FFDB82}" type="pres">
      <dgm:prSet presAssocID="{438359A1-5495-4DF6-8B66-1EA94961E956}" presName="tx1" presStyleLbl="revTx" presStyleIdx="7" presStyleCnt="16"/>
      <dgm:spPr/>
    </dgm:pt>
    <dgm:pt modelId="{AB7B6C6E-3564-4054-B276-16AA0375864D}" type="pres">
      <dgm:prSet presAssocID="{438359A1-5495-4DF6-8B66-1EA94961E956}" presName="vert1" presStyleCnt="0"/>
      <dgm:spPr/>
    </dgm:pt>
    <dgm:pt modelId="{A4DE89E9-2D5C-4C1D-8C0B-768F39653DFB}" type="pres">
      <dgm:prSet presAssocID="{36E624E4-AEA2-4039-9B4E-31AC1EFDC69C}" presName="thickLine" presStyleLbl="alignNode1" presStyleIdx="8" presStyleCnt="16"/>
      <dgm:spPr/>
    </dgm:pt>
    <dgm:pt modelId="{147BDE39-5EFB-4358-99C7-FB0CA41F5EC6}" type="pres">
      <dgm:prSet presAssocID="{36E624E4-AEA2-4039-9B4E-31AC1EFDC69C}" presName="horz1" presStyleCnt="0"/>
      <dgm:spPr/>
    </dgm:pt>
    <dgm:pt modelId="{24CCEA0E-973E-4554-8FDC-9765AC3098D9}" type="pres">
      <dgm:prSet presAssocID="{36E624E4-AEA2-4039-9B4E-31AC1EFDC69C}" presName="tx1" presStyleLbl="revTx" presStyleIdx="8" presStyleCnt="16"/>
      <dgm:spPr/>
    </dgm:pt>
    <dgm:pt modelId="{7D0DB408-55D4-4771-B647-A24F0D36DE36}" type="pres">
      <dgm:prSet presAssocID="{36E624E4-AEA2-4039-9B4E-31AC1EFDC69C}" presName="vert1" presStyleCnt="0"/>
      <dgm:spPr/>
    </dgm:pt>
    <dgm:pt modelId="{19C0D88D-13A7-4E7E-AA0E-B0BECB23A6DD}" type="pres">
      <dgm:prSet presAssocID="{D8A54A68-4E3D-4D16-9CEE-72106D9DE974}" presName="thickLine" presStyleLbl="alignNode1" presStyleIdx="9" presStyleCnt="16"/>
      <dgm:spPr/>
    </dgm:pt>
    <dgm:pt modelId="{9979D83C-C7BD-4869-95C8-D9BB4BE9CE81}" type="pres">
      <dgm:prSet presAssocID="{D8A54A68-4E3D-4D16-9CEE-72106D9DE974}" presName="horz1" presStyleCnt="0"/>
      <dgm:spPr/>
    </dgm:pt>
    <dgm:pt modelId="{AE4A083A-E312-4D22-BB38-2E5217104863}" type="pres">
      <dgm:prSet presAssocID="{D8A54A68-4E3D-4D16-9CEE-72106D9DE974}" presName="tx1" presStyleLbl="revTx" presStyleIdx="9" presStyleCnt="16"/>
      <dgm:spPr/>
    </dgm:pt>
    <dgm:pt modelId="{979C6EDD-C13A-4DD4-9909-202898B9ECC7}" type="pres">
      <dgm:prSet presAssocID="{D8A54A68-4E3D-4D16-9CEE-72106D9DE974}" presName="vert1" presStyleCnt="0"/>
      <dgm:spPr/>
    </dgm:pt>
    <dgm:pt modelId="{58D3422B-882F-4954-B16B-2FAC15578FBE}" type="pres">
      <dgm:prSet presAssocID="{CA6B0D4E-3CA2-41B3-B42E-55FC7560A9C8}" presName="thickLine" presStyleLbl="alignNode1" presStyleIdx="10" presStyleCnt="16"/>
      <dgm:spPr/>
    </dgm:pt>
    <dgm:pt modelId="{A30825C7-D31F-4A2B-BE15-8C7E14E544AB}" type="pres">
      <dgm:prSet presAssocID="{CA6B0D4E-3CA2-41B3-B42E-55FC7560A9C8}" presName="horz1" presStyleCnt="0"/>
      <dgm:spPr/>
    </dgm:pt>
    <dgm:pt modelId="{D939EB85-DFDA-489D-8D1A-7BCCFAF022BB}" type="pres">
      <dgm:prSet presAssocID="{CA6B0D4E-3CA2-41B3-B42E-55FC7560A9C8}" presName="tx1" presStyleLbl="revTx" presStyleIdx="10" presStyleCnt="16"/>
      <dgm:spPr/>
    </dgm:pt>
    <dgm:pt modelId="{FD7BE3ED-AEC6-4321-B446-6D667546AF84}" type="pres">
      <dgm:prSet presAssocID="{CA6B0D4E-3CA2-41B3-B42E-55FC7560A9C8}" presName="vert1" presStyleCnt="0"/>
      <dgm:spPr/>
    </dgm:pt>
    <dgm:pt modelId="{64400BCD-4513-4B86-A428-353828153DE9}" type="pres">
      <dgm:prSet presAssocID="{822499E1-6A43-4AA8-AE38-A989FD441857}" presName="thickLine" presStyleLbl="alignNode1" presStyleIdx="11" presStyleCnt="16"/>
      <dgm:spPr/>
    </dgm:pt>
    <dgm:pt modelId="{8C300D20-CE83-4918-9032-399293B5CCEA}" type="pres">
      <dgm:prSet presAssocID="{822499E1-6A43-4AA8-AE38-A989FD441857}" presName="horz1" presStyleCnt="0"/>
      <dgm:spPr/>
    </dgm:pt>
    <dgm:pt modelId="{3F2A2F5D-4E1C-4C2F-84FE-020459D43D55}" type="pres">
      <dgm:prSet presAssocID="{822499E1-6A43-4AA8-AE38-A989FD441857}" presName="tx1" presStyleLbl="revTx" presStyleIdx="11" presStyleCnt="16"/>
      <dgm:spPr/>
    </dgm:pt>
    <dgm:pt modelId="{390AD2E9-9195-4DF1-AE14-EE85FD6C1383}" type="pres">
      <dgm:prSet presAssocID="{822499E1-6A43-4AA8-AE38-A989FD441857}" presName="vert1" presStyleCnt="0"/>
      <dgm:spPr/>
    </dgm:pt>
    <dgm:pt modelId="{B60D2673-EB1D-4375-9FCD-F260796F913C}" type="pres">
      <dgm:prSet presAssocID="{8D89BC51-930F-472C-8B09-3B987F8FBD49}" presName="thickLine" presStyleLbl="alignNode1" presStyleIdx="12" presStyleCnt="16"/>
      <dgm:spPr/>
    </dgm:pt>
    <dgm:pt modelId="{B02E18C1-8FDC-4ED6-9189-537B9099FA6C}" type="pres">
      <dgm:prSet presAssocID="{8D89BC51-930F-472C-8B09-3B987F8FBD49}" presName="horz1" presStyleCnt="0"/>
      <dgm:spPr/>
    </dgm:pt>
    <dgm:pt modelId="{96F67A32-A058-4307-AD60-F6505C154D39}" type="pres">
      <dgm:prSet presAssocID="{8D89BC51-930F-472C-8B09-3B987F8FBD49}" presName="tx1" presStyleLbl="revTx" presStyleIdx="12" presStyleCnt="16"/>
      <dgm:spPr/>
    </dgm:pt>
    <dgm:pt modelId="{205F572E-0B77-4E4F-997C-1886E2B87EE4}" type="pres">
      <dgm:prSet presAssocID="{8D89BC51-930F-472C-8B09-3B987F8FBD49}" presName="vert1" presStyleCnt="0"/>
      <dgm:spPr/>
    </dgm:pt>
    <dgm:pt modelId="{73AE9113-1E73-457F-9D1E-C812545C5E77}" type="pres">
      <dgm:prSet presAssocID="{50F1421E-E753-4AA5-B184-00A2AD2D89E0}" presName="thickLine" presStyleLbl="alignNode1" presStyleIdx="13" presStyleCnt="16"/>
      <dgm:spPr/>
    </dgm:pt>
    <dgm:pt modelId="{8BC64F4A-A4A6-4EEA-BB67-F690D4E9D2E1}" type="pres">
      <dgm:prSet presAssocID="{50F1421E-E753-4AA5-B184-00A2AD2D89E0}" presName="horz1" presStyleCnt="0"/>
      <dgm:spPr/>
    </dgm:pt>
    <dgm:pt modelId="{32C70344-87F8-4081-A003-6160FCA08BA8}" type="pres">
      <dgm:prSet presAssocID="{50F1421E-E753-4AA5-B184-00A2AD2D89E0}" presName="tx1" presStyleLbl="revTx" presStyleIdx="13" presStyleCnt="16"/>
      <dgm:spPr/>
    </dgm:pt>
    <dgm:pt modelId="{A32B5A15-E601-4083-A5E2-C59B6EBE7E07}" type="pres">
      <dgm:prSet presAssocID="{50F1421E-E753-4AA5-B184-00A2AD2D89E0}" presName="vert1" presStyleCnt="0"/>
      <dgm:spPr/>
    </dgm:pt>
    <dgm:pt modelId="{A33C4595-1050-414C-8C1C-5D415AC88E42}" type="pres">
      <dgm:prSet presAssocID="{47F4A790-3E64-442A-80E3-35BF7DBC11DD}" presName="thickLine" presStyleLbl="alignNode1" presStyleIdx="14" presStyleCnt="16"/>
      <dgm:spPr/>
    </dgm:pt>
    <dgm:pt modelId="{DCDB3C97-CF51-451F-A04B-9A7FCF378707}" type="pres">
      <dgm:prSet presAssocID="{47F4A790-3E64-442A-80E3-35BF7DBC11DD}" presName="horz1" presStyleCnt="0"/>
      <dgm:spPr/>
    </dgm:pt>
    <dgm:pt modelId="{235D012B-B2AA-4E14-85C3-A5511B265F66}" type="pres">
      <dgm:prSet presAssocID="{47F4A790-3E64-442A-80E3-35BF7DBC11DD}" presName="tx1" presStyleLbl="revTx" presStyleIdx="14" presStyleCnt="16"/>
      <dgm:spPr/>
    </dgm:pt>
    <dgm:pt modelId="{2EFD6DFC-A7DB-49C5-A1B9-0F80BEC52D01}" type="pres">
      <dgm:prSet presAssocID="{47F4A790-3E64-442A-80E3-35BF7DBC11DD}" presName="vert1" presStyleCnt="0"/>
      <dgm:spPr/>
    </dgm:pt>
    <dgm:pt modelId="{EE714532-3E5B-453C-8C0A-0B1FA4F87B84}" type="pres">
      <dgm:prSet presAssocID="{FAA35836-C08E-48B1-9EB9-B4570202E441}" presName="thickLine" presStyleLbl="alignNode1" presStyleIdx="15" presStyleCnt="16"/>
      <dgm:spPr/>
    </dgm:pt>
    <dgm:pt modelId="{C29DEED7-0426-4EBC-89AE-65C2241B2C7A}" type="pres">
      <dgm:prSet presAssocID="{FAA35836-C08E-48B1-9EB9-B4570202E441}" presName="horz1" presStyleCnt="0"/>
      <dgm:spPr/>
    </dgm:pt>
    <dgm:pt modelId="{EF91C1A4-F2A4-4022-B6A4-9397A5A2B810}" type="pres">
      <dgm:prSet presAssocID="{FAA35836-C08E-48B1-9EB9-B4570202E441}" presName="tx1" presStyleLbl="revTx" presStyleIdx="15" presStyleCnt="16"/>
      <dgm:spPr/>
    </dgm:pt>
    <dgm:pt modelId="{16CFC6CB-AC0C-47EE-811F-2716304478AA}" type="pres">
      <dgm:prSet presAssocID="{FAA35836-C08E-48B1-9EB9-B4570202E441}" presName="vert1" presStyleCnt="0"/>
      <dgm:spPr/>
    </dgm:pt>
  </dgm:ptLst>
  <dgm:cxnLst>
    <dgm:cxn modelId="{BC5A0000-83D6-41F6-B371-74B50ABD7244}" type="presOf" srcId="{F73FC193-3A4D-4E89-9740-F435016553D8}" destId="{ABC82CA1-594A-401F-89D7-850992B87F98}" srcOrd="0" destOrd="0" presId="urn:microsoft.com/office/officeart/2008/layout/LinedList"/>
    <dgm:cxn modelId="{6A1BB307-7FD0-45A6-82A3-0D0DCCA89BEB}" srcId="{8C1ED206-8822-438B-ADD1-60CE26C7E8CD}" destId="{FAA35836-C08E-48B1-9EB9-B4570202E441}" srcOrd="15" destOrd="0" parTransId="{271D870C-FEC2-4712-919F-CF0EEF20B271}" sibTransId="{5242E6E2-3543-40FA-80B7-2009D5A5A4A6}"/>
    <dgm:cxn modelId="{7E927A08-8FC0-4053-9CD5-8A10FF2E68A8}" type="presOf" srcId="{6C5A2AAD-FBDB-4578-BBE3-EC99D9196635}" destId="{2C4F92DE-9207-4E23-8FF1-FBE8DE8C7168}" srcOrd="0" destOrd="0" presId="urn:microsoft.com/office/officeart/2008/layout/LinedList"/>
    <dgm:cxn modelId="{44E4B023-0ABB-4D20-A518-DC304D292967}" srcId="{8C1ED206-8822-438B-ADD1-60CE26C7E8CD}" destId="{6C5A2AAD-FBDB-4578-BBE3-EC99D9196635}" srcOrd="0" destOrd="0" parTransId="{F9FFFCCF-7ADD-4AE9-AE35-C3F948ED7183}" sibTransId="{9D982745-AF15-4825-BD3B-065267660F18}"/>
    <dgm:cxn modelId="{84F57F29-6A7A-4DB2-A677-510FD5AF498A}" srcId="{8C1ED206-8822-438B-ADD1-60CE26C7E8CD}" destId="{02C23EF2-C3DA-45D5-BC5E-DCD4ACAA9DF0}" srcOrd="5" destOrd="0" parTransId="{85DE727F-531F-483A-ABF7-9E0B883F0C31}" sibTransId="{5462A3FC-0FF2-4774-8FB8-4D94423B7345}"/>
    <dgm:cxn modelId="{63BF4C37-39F7-4F3F-8191-43E6465FDA09}" srcId="{8C1ED206-8822-438B-ADD1-60CE26C7E8CD}" destId="{47F4A790-3E64-442A-80E3-35BF7DBC11DD}" srcOrd="14" destOrd="0" parTransId="{E463487A-D639-4D53-BBCB-A22143294B4A}" sibTransId="{614C50FD-08A0-4E32-8575-85257BFBC457}"/>
    <dgm:cxn modelId="{859A5060-4403-426A-B763-55BD696ABAE6}" srcId="{8C1ED206-8822-438B-ADD1-60CE26C7E8CD}" destId="{8D89BC51-930F-472C-8B09-3B987F8FBD49}" srcOrd="12" destOrd="0" parTransId="{B78C6609-1F5A-49E3-A109-4EA0562CD5D8}" sibTransId="{610D65DE-E6AE-4067-931E-9C35E6A98E3E}"/>
    <dgm:cxn modelId="{8F7AC04C-DA77-47DB-AD73-3D60FF688355}" type="presOf" srcId="{50F1421E-E753-4AA5-B184-00A2AD2D89E0}" destId="{32C70344-87F8-4081-A003-6160FCA08BA8}" srcOrd="0" destOrd="0" presId="urn:microsoft.com/office/officeart/2008/layout/LinedList"/>
    <dgm:cxn modelId="{F87B8B73-79BD-459D-84D3-EA5993E757BC}" srcId="{8C1ED206-8822-438B-ADD1-60CE26C7E8CD}" destId="{D8A54A68-4E3D-4D16-9CEE-72106D9DE974}" srcOrd="9" destOrd="0" parTransId="{815636CF-C21D-46C0-9D63-85D7355CD9F8}" sibTransId="{E7DE5A19-D3D2-4709-9516-15262BA19784}"/>
    <dgm:cxn modelId="{1EBDA979-8777-4B6F-A34A-F27ED5688513}" type="presOf" srcId="{31874862-6E9A-4DEE-9252-1475E35C2FE3}" destId="{CE2D1A71-3F1C-4525-B9C2-FD1D056A1A2F}" srcOrd="0" destOrd="0" presId="urn:microsoft.com/office/officeart/2008/layout/LinedList"/>
    <dgm:cxn modelId="{4877AB5A-F1B5-471F-B80A-7A4225A071DC}" type="presOf" srcId="{D8A54A68-4E3D-4D16-9CEE-72106D9DE974}" destId="{AE4A083A-E312-4D22-BB38-2E5217104863}" srcOrd="0" destOrd="0" presId="urn:microsoft.com/office/officeart/2008/layout/LinedList"/>
    <dgm:cxn modelId="{AB809E7F-B263-4CEB-9485-2711247FEFC9}" type="presOf" srcId="{01EB4F3D-7473-47B8-87F6-F8AD8C9ACB4B}" destId="{2DD987BF-3852-4AF7-AFBE-4C8C02670C43}" srcOrd="0" destOrd="0" presId="urn:microsoft.com/office/officeart/2008/layout/LinedList"/>
    <dgm:cxn modelId="{6BAE2587-C714-49D5-BA67-2915ACF34576}" srcId="{8C1ED206-8822-438B-ADD1-60CE26C7E8CD}" destId="{50F1421E-E753-4AA5-B184-00A2AD2D89E0}" srcOrd="13" destOrd="0" parTransId="{EB4563D2-3A7D-43B1-AA13-4E2CAF9C1B02}" sibTransId="{EB7A3C1B-434B-4342-B673-0C85BA80D4F6}"/>
    <dgm:cxn modelId="{90EE838B-4130-4D9D-A3C8-EA4441E0A637}" srcId="{8C1ED206-8822-438B-ADD1-60CE26C7E8CD}" destId="{01EB4F3D-7473-47B8-87F6-F8AD8C9ACB4B}" srcOrd="4" destOrd="0" parTransId="{98AF4437-5548-44CE-AF10-04F2F6E701EC}" sibTransId="{F96B417D-979C-4B67-85B4-EB9DD95836DF}"/>
    <dgm:cxn modelId="{D250FA8B-C356-4C70-AABB-1F651BCF7EC0}" type="presOf" srcId="{8D89BC51-930F-472C-8B09-3B987F8FBD49}" destId="{96F67A32-A058-4307-AD60-F6505C154D39}" srcOrd="0" destOrd="0" presId="urn:microsoft.com/office/officeart/2008/layout/LinedList"/>
    <dgm:cxn modelId="{0BF2AB9D-0FB8-449D-BB5C-AEEDC5309284}" srcId="{8C1ED206-8822-438B-ADD1-60CE26C7E8CD}" destId="{CA6B0D4E-3CA2-41B3-B42E-55FC7560A9C8}" srcOrd="10" destOrd="0" parTransId="{7DF9323F-9D6B-4644-B741-AC44CBA0211B}" sibTransId="{3CB04661-A890-4552-AB1E-27D5901AD256}"/>
    <dgm:cxn modelId="{3B621F9F-4046-4333-B463-2C0B167845AC}" srcId="{8C1ED206-8822-438B-ADD1-60CE26C7E8CD}" destId="{36E624E4-AEA2-4039-9B4E-31AC1EFDC69C}" srcOrd="8" destOrd="0" parTransId="{DF72AC35-15B2-47C5-9806-D668397B610C}" sibTransId="{39F96FB7-5127-4B31-ACF7-C02428A29442}"/>
    <dgm:cxn modelId="{FDDE12AD-9774-4149-B46C-B0217A94E18F}" srcId="{8C1ED206-8822-438B-ADD1-60CE26C7E8CD}" destId="{822499E1-6A43-4AA8-AE38-A989FD441857}" srcOrd="11" destOrd="0" parTransId="{068553C8-42A0-44D4-BF46-68BF31CF01C0}" sibTransId="{FA814672-E844-4508-AE22-3966B5237BF1}"/>
    <dgm:cxn modelId="{E3DA3DB0-8991-4BB9-B78E-26C2E5453680}" type="presOf" srcId="{47F4A790-3E64-442A-80E3-35BF7DBC11DD}" destId="{235D012B-B2AA-4E14-85C3-A5511B265F66}" srcOrd="0" destOrd="0" presId="urn:microsoft.com/office/officeart/2008/layout/LinedList"/>
    <dgm:cxn modelId="{DA110DB5-2A3A-4FA5-BBB9-5EE97D88624C}" srcId="{8C1ED206-8822-438B-ADD1-60CE26C7E8CD}" destId="{F73FC193-3A4D-4E89-9740-F435016553D8}" srcOrd="2" destOrd="0" parTransId="{3AAE6C71-82D5-4AC4-B665-AB7C156EB5C4}" sibTransId="{EA899F18-4974-41ED-8B67-4C2FE07869A3}"/>
    <dgm:cxn modelId="{3AB07EB5-4552-4723-BB05-A4AECA243835}" type="presOf" srcId="{02C23EF2-C3DA-45D5-BC5E-DCD4ACAA9DF0}" destId="{2DE084AE-524F-4722-AF61-1BCDB4BABE62}" srcOrd="0" destOrd="0" presId="urn:microsoft.com/office/officeart/2008/layout/LinedList"/>
    <dgm:cxn modelId="{888388BF-C30D-445D-9112-08A7D087D266}" type="presOf" srcId="{36E624E4-AEA2-4039-9B4E-31AC1EFDC69C}" destId="{24CCEA0E-973E-4554-8FDC-9765AC3098D9}" srcOrd="0" destOrd="0" presId="urn:microsoft.com/office/officeart/2008/layout/LinedList"/>
    <dgm:cxn modelId="{AAECCBD1-ADF6-48DC-9EB3-7A36286DEF11}" type="presOf" srcId="{CA6B0D4E-3CA2-41B3-B42E-55FC7560A9C8}" destId="{D939EB85-DFDA-489D-8D1A-7BCCFAF022BB}" srcOrd="0" destOrd="0" presId="urn:microsoft.com/office/officeart/2008/layout/LinedList"/>
    <dgm:cxn modelId="{5AB050D6-0E77-4574-BC49-D428C410A9D0}" type="presOf" srcId="{8C1ED206-8822-438B-ADD1-60CE26C7E8CD}" destId="{466C636E-3D4C-4387-9147-B0AC97EF9007}" srcOrd="0" destOrd="0" presId="urn:microsoft.com/office/officeart/2008/layout/LinedList"/>
    <dgm:cxn modelId="{665F23D7-7352-4D24-8EB8-B47234CFF994}" type="presOf" srcId="{1828CC70-EA39-4103-8766-4BF20150B672}" destId="{408CA101-7ABA-43F5-AA41-810A96DFAB6A}" srcOrd="0" destOrd="0" presId="urn:microsoft.com/office/officeart/2008/layout/LinedList"/>
    <dgm:cxn modelId="{1026E9D7-1054-46B3-AC71-1AC52129E7B2}" srcId="{8C1ED206-8822-438B-ADD1-60CE26C7E8CD}" destId="{3ECFE07F-89DA-46EB-AC5B-88ABC00C93E8}" srcOrd="6" destOrd="0" parTransId="{DD49315B-7E9B-4EF2-AD4D-3BE92C8E7D0E}" sibTransId="{90A579D4-4468-41FC-935E-25940163F343}"/>
    <dgm:cxn modelId="{A543E0DE-62D4-4BDA-BA2B-10E78FCA1592}" type="presOf" srcId="{3ECFE07F-89DA-46EB-AC5B-88ABC00C93E8}" destId="{C1FC7D5F-5281-4842-BDA4-AF4B9B655DFE}" srcOrd="0" destOrd="0" presId="urn:microsoft.com/office/officeart/2008/layout/LinedList"/>
    <dgm:cxn modelId="{40A501E3-DBAF-4B80-94B1-00EE5D278934}" srcId="{8C1ED206-8822-438B-ADD1-60CE26C7E8CD}" destId="{1828CC70-EA39-4103-8766-4BF20150B672}" srcOrd="1" destOrd="0" parTransId="{F0413E34-D9EB-4552-91AF-C5C89C810D96}" sibTransId="{389CBDA7-F968-4673-B8F7-86347F7EAF4C}"/>
    <dgm:cxn modelId="{B76EC6E4-392B-4C00-9B4D-0D80647C344D}" type="presOf" srcId="{438359A1-5495-4DF6-8B66-1EA94961E956}" destId="{594F83C9-5BD7-4AD7-AA7F-9851F7FFDB82}" srcOrd="0" destOrd="0" presId="urn:microsoft.com/office/officeart/2008/layout/LinedList"/>
    <dgm:cxn modelId="{4A54FCE5-5979-43C6-87E6-D691FAF2230D}" type="presOf" srcId="{822499E1-6A43-4AA8-AE38-A989FD441857}" destId="{3F2A2F5D-4E1C-4C2F-84FE-020459D43D55}" srcOrd="0" destOrd="0" presId="urn:microsoft.com/office/officeart/2008/layout/LinedList"/>
    <dgm:cxn modelId="{DEE9AFEE-753D-4B5E-BAA5-9CC3A701BA41}" srcId="{8C1ED206-8822-438B-ADD1-60CE26C7E8CD}" destId="{438359A1-5495-4DF6-8B66-1EA94961E956}" srcOrd="7" destOrd="0" parTransId="{094E9BD5-D630-4EAA-811C-EE26BE8D1C77}" sibTransId="{1FEEC36B-56FD-436B-8382-7B58FD8E7D21}"/>
    <dgm:cxn modelId="{DE065DF3-44E9-471A-8EA6-2FA1254C59C7}" type="presOf" srcId="{FAA35836-C08E-48B1-9EB9-B4570202E441}" destId="{EF91C1A4-F2A4-4022-B6A4-9397A5A2B810}" srcOrd="0" destOrd="0" presId="urn:microsoft.com/office/officeart/2008/layout/LinedList"/>
    <dgm:cxn modelId="{F3477BFC-7DF8-40FC-AA34-BEAAEBC5DE8E}" srcId="{8C1ED206-8822-438B-ADD1-60CE26C7E8CD}" destId="{31874862-6E9A-4DEE-9252-1475E35C2FE3}" srcOrd="3" destOrd="0" parTransId="{1AF11E80-4320-4746-B33F-23A0199A98C2}" sibTransId="{26339203-5551-4C48-BF8A-E975AFBBFA2F}"/>
    <dgm:cxn modelId="{08A61B53-9FA2-4548-8062-4A4CADBCB88E}" type="presParOf" srcId="{466C636E-3D4C-4387-9147-B0AC97EF9007}" destId="{998E33D2-30D1-44BF-AFCF-7F82E1953B66}" srcOrd="0" destOrd="0" presId="urn:microsoft.com/office/officeart/2008/layout/LinedList"/>
    <dgm:cxn modelId="{D7D29C9B-05E1-4795-A9D3-0947859C5B87}" type="presParOf" srcId="{466C636E-3D4C-4387-9147-B0AC97EF9007}" destId="{D6DD41A9-1A90-49B6-8E55-03ADE270085E}" srcOrd="1" destOrd="0" presId="urn:microsoft.com/office/officeart/2008/layout/LinedList"/>
    <dgm:cxn modelId="{897A0EF3-549A-436A-ABA9-F4DC7016CB0B}" type="presParOf" srcId="{D6DD41A9-1A90-49B6-8E55-03ADE270085E}" destId="{2C4F92DE-9207-4E23-8FF1-FBE8DE8C7168}" srcOrd="0" destOrd="0" presId="urn:microsoft.com/office/officeart/2008/layout/LinedList"/>
    <dgm:cxn modelId="{ED242099-903E-48CB-BDED-5E58AEFEF0BC}" type="presParOf" srcId="{D6DD41A9-1A90-49B6-8E55-03ADE270085E}" destId="{A7C41EBB-B2EC-4B9D-B3FA-07482414B0F3}" srcOrd="1" destOrd="0" presId="urn:microsoft.com/office/officeart/2008/layout/LinedList"/>
    <dgm:cxn modelId="{C5C7A520-9C28-411E-BBB5-B0B67CE4AD49}" type="presParOf" srcId="{466C636E-3D4C-4387-9147-B0AC97EF9007}" destId="{425FFAAE-45D9-482A-A6D5-938135380433}" srcOrd="2" destOrd="0" presId="urn:microsoft.com/office/officeart/2008/layout/LinedList"/>
    <dgm:cxn modelId="{666CBBF2-2085-4049-8B49-8921E49693D9}" type="presParOf" srcId="{466C636E-3D4C-4387-9147-B0AC97EF9007}" destId="{DC84AC7C-D9E4-41A0-A1CB-7CC538E34DB4}" srcOrd="3" destOrd="0" presId="urn:microsoft.com/office/officeart/2008/layout/LinedList"/>
    <dgm:cxn modelId="{BB9D0163-B62A-40E2-9280-BFE6F78B700E}" type="presParOf" srcId="{DC84AC7C-D9E4-41A0-A1CB-7CC538E34DB4}" destId="{408CA101-7ABA-43F5-AA41-810A96DFAB6A}" srcOrd="0" destOrd="0" presId="urn:microsoft.com/office/officeart/2008/layout/LinedList"/>
    <dgm:cxn modelId="{2A6EC5F4-BA99-4707-B8FA-6F507D0F5338}" type="presParOf" srcId="{DC84AC7C-D9E4-41A0-A1CB-7CC538E34DB4}" destId="{8A4C7807-896B-4AA3-AB36-B54CCB4ED8E1}" srcOrd="1" destOrd="0" presId="urn:microsoft.com/office/officeart/2008/layout/LinedList"/>
    <dgm:cxn modelId="{ACC0FDFF-2008-492E-A2D4-CFE655D53713}" type="presParOf" srcId="{466C636E-3D4C-4387-9147-B0AC97EF9007}" destId="{76A1FF92-6CD3-4604-ACC0-20B9F1D5E04B}" srcOrd="4" destOrd="0" presId="urn:microsoft.com/office/officeart/2008/layout/LinedList"/>
    <dgm:cxn modelId="{8AF74956-E41D-4A34-AE21-80F4342007D8}" type="presParOf" srcId="{466C636E-3D4C-4387-9147-B0AC97EF9007}" destId="{7232EFCC-83DE-40E8-972D-B6319322527D}" srcOrd="5" destOrd="0" presId="urn:microsoft.com/office/officeart/2008/layout/LinedList"/>
    <dgm:cxn modelId="{57DDE7F3-94BB-400A-9432-ACFB1C3839AB}" type="presParOf" srcId="{7232EFCC-83DE-40E8-972D-B6319322527D}" destId="{ABC82CA1-594A-401F-89D7-850992B87F98}" srcOrd="0" destOrd="0" presId="urn:microsoft.com/office/officeart/2008/layout/LinedList"/>
    <dgm:cxn modelId="{EEF3A082-D0C6-4204-BD27-47BEF940B1BF}" type="presParOf" srcId="{7232EFCC-83DE-40E8-972D-B6319322527D}" destId="{D7E843E7-3AAC-4BF5-8E0C-CAD90AF114FB}" srcOrd="1" destOrd="0" presId="urn:microsoft.com/office/officeart/2008/layout/LinedList"/>
    <dgm:cxn modelId="{398DA7E0-2172-4B78-B213-56499C947290}" type="presParOf" srcId="{466C636E-3D4C-4387-9147-B0AC97EF9007}" destId="{31439354-66D3-4319-8066-FE26EEA34ED2}" srcOrd="6" destOrd="0" presId="urn:microsoft.com/office/officeart/2008/layout/LinedList"/>
    <dgm:cxn modelId="{26617C50-7567-4D7F-A422-D2A915DB4920}" type="presParOf" srcId="{466C636E-3D4C-4387-9147-B0AC97EF9007}" destId="{3D669F87-F995-4B58-B4E4-02751D817DAF}" srcOrd="7" destOrd="0" presId="urn:microsoft.com/office/officeart/2008/layout/LinedList"/>
    <dgm:cxn modelId="{E5253BA9-A81A-4037-8742-E4C4A6DDCEE5}" type="presParOf" srcId="{3D669F87-F995-4B58-B4E4-02751D817DAF}" destId="{CE2D1A71-3F1C-4525-B9C2-FD1D056A1A2F}" srcOrd="0" destOrd="0" presId="urn:microsoft.com/office/officeart/2008/layout/LinedList"/>
    <dgm:cxn modelId="{8B087F65-D57B-4EB5-AECA-8D2698B14F7E}" type="presParOf" srcId="{3D669F87-F995-4B58-B4E4-02751D817DAF}" destId="{8A0B749E-92F9-4E0A-83A0-290BCAB863F7}" srcOrd="1" destOrd="0" presId="urn:microsoft.com/office/officeart/2008/layout/LinedList"/>
    <dgm:cxn modelId="{75939896-7B09-48B7-8429-F2B915B4A71E}" type="presParOf" srcId="{466C636E-3D4C-4387-9147-B0AC97EF9007}" destId="{BBBF0B54-E9FF-434E-BBF0-EFCCA12C8060}" srcOrd="8" destOrd="0" presId="urn:microsoft.com/office/officeart/2008/layout/LinedList"/>
    <dgm:cxn modelId="{86EF2BCB-8783-48E5-B0A8-3A9355667D01}" type="presParOf" srcId="{466C636E-3D4C-4387-9147-B0AC97EF9007}" destId="{6459D494-49BE-45E6-9C9B-1DCF0F98EE0B}" srcOrd="9" destOrd="0" presId="urn:microsoft.com/office/officeart/2008/layout/LinedList"/>
    <dgm:cxn modelId="{80614294-6A7F-4C0F-ABD2-9FBD311D7CAF}" type="presParOf" srcId="{6459D494-49BE-45E6-9C9B-1DCF0F98EE0B}" destId="{2DD987BF-3852-4AF7-AFBE-4C8C02670C43}" srcOrd="0" destOrd="0" presId="urn:microsoft.com/office/officeart/2008/layout/LinedList"/>
    <dgm:cxn modelId="{F3D5F749-0639-493E-8118-A59D7270DDFB}" type="presParOf" srcId="{6459D494-49BE-45E6-9C9B-1DCF0F98EE0B}" destId="{FB8109B3-56DE-4CF0-83B2-1609EBA5ECF6}" srcOrd="1" destOrd="0" presId="urn:microsoft.com/office/officeart/2008/layout/LinedList"/>
    <dgm:cxn modelId="{8ABB59CC-547A-4256-B709-ADCD36739AC3}" type="presParOf" srcId="{466C636E-3D4C-4387-9147-B0AC97EF9007}" destId="{47A1DCE5-4C7E-4381-A2CA-642E0BF1C37A}" srcOrd="10" destOrd="0" presId="urn:microsoft.com/office/officeart/2008/layout/LinedList"/>
    <dgm:cxn modelId="{4ADD6D40-CB13-4470-A02C-2B29F758C9C9}" type="presParOf" srcId="{466C636E-3D4C-4387-9147-B0AC97EF9007}" destId="{9420CD12-861D-44A5-A9AC-88BA82F792FD}" srcOrd="11" destOrd="0" presId="urn:microsoft.com/office/officeart/2008/layout/LinedList"/>
    <dgm:cxn modelId="{FA340C84-B529-44AA-8DE0-E86CD6EE0564}" type="presParOf" srcId="{9420CD12-861D-44A5-A9AC-88BA82F792FD}" destId="{2DE084AE-524F-4722-AF61-1BCDB4BABE62}" srcOrd="0" destOrd="0" presId="urn:microsoft.com/office/officeart/2008/layout/LinedList"/>
    <dgm:cxn modelId="{A3FB1794-CC9D-4CE3-89E7-D4EE1EBD31D9}" type="presParOf" srcId="{9420CD12-861D-44A5-A9AC-88BA82F792FD}" destId="{66E9F08B-4269-4FDC-9CC9-4D1CBFB9F5EC}" srcOrd="1" destOrd="0" presId="urn:microsoft.com/office/officeart/2008/layout/LinedList"/>
    <dgm:cxn modelId="{065B9680-BFD8-48B3-B21D-62E8D2ACDE27}" type="presParOf" srcId="{466C636E-3D4C-4387-9147-B0AC97EF9007}" destId="{71A52498-1D7B-4ABD-8E1E-6A1244B0B3AB}" srcOrd="12" destOrd="0" presId="urn:microsoft.com/office/officeart/2008/layout/LinedList"/>
    <dgm:cxn modelId="{4635C093-B7C8-4B4A-9354-3CAD8277C308}" type="presParOf" srcId="{466C636E-3D4C-4387-9147-B0AC97EF9007}" destId="{52C231F2-154A-4FEE-891A-9A2539792D9E}" srcOrd="13" destOrd="0" presId="urn:microsoft.com/office/officeart/2008/layout/LinedList"/>
    <dgm:cxn modelId="{613BF3A1-14ED-41B4-A3DD-F2EEC46706FD}" type="presParOf" srcId="{52C231F2-154A-4FEE-891A-9A2539792D9E}" destId="{C1FC7D5F-5281-4842-BDA4-AF4B9B655DFE}" srcOrd="0" destOrd="0" presId="urn:microsoft.com/office/officeart/2008/layout/LinedList"/>
    <dgm:cxn modelId="{80763492-05DC-4B54-A14F-3E9E3F6647D2}" type="presParOf" srcId="{52C231F2-154A-4FEE-891A-9A2539792D9E}" destId="{AF7EDE0A-1129-41B2-911C-09AA2B0DA489}" srcOrd="1" destOrd="0" presId="urn:microsoft.com/office/officeart/2008/layout/LinedList"/>
    <dgm:cxn modelId="{ED6697EB-F14D-41CD-B88F-FD80005EC7A4}" type="presParOf" srcId="{466C636E-3D4C-4387-9147-B0AC97EF9007}" destId="{95218ED3-2ECF-4EBE-BD4F-7A19F002AF69}" srcOrd="14" destOrd="0" presId="urn:microsoft.com/office/officeart/2008/layout/LinedList"/>
    <dgm:cxn modelId="{86492BDF-1CBC-44BF-8F04-D0B6ECB17745}" type="presParOf" srcId="{466C636E-3D4C-4387-9147-B0AC97EF9007}" destId="{31F785E3-268D-460E-A65E-E824A9698CC6}" srcOrd="15" destOrd="0" presId="urn:microsoft.com/office/officeart/2008/layout/LinedList"/>
    <dgm:cxn modelId="{4CA028EE-B49A-4872-8FB9-117306B94916}" type="presParOf" srcId="{31F785E3-268D-460E-A65E-E824A9698CC6}" destId="{594F83C9-5BD7-4AD7-AA7F-9851F7FFDB82}" srcOrd="0" destOrd="0" presId="urn:microsoft.com/office/officeart/2008/layout/LinedList"/>
    <dgm:cxn modelId="{252B7B0D-6782-408D-9CAF-E1A320AB0DE0}" type="presParOf" srcId="{31F785E3-268D-460E-A65E-E824A9698CC6}" destId="{AB7B6C6E-3564-4054-B276-16AA0375864D}" srcOrd="1" destOrd="0" presId="urn:microsoft.com/office/officeart/2008/layout/LinedList"/>
    <dgm:cxn modelId="{F400411F-CBBC-4050-A27A-3E5FE887829F}" type="presParOf" srcId="{466C636E-3D4C-4387-9147-B0AC97EF9007}" destId="{A4DE89E9-2D5C-4C1D-8C0B-768F39653DFB}" srcOrd="16" destOrd="0" presId="urn:microsoft.com/office/officeart/2008/layout/LinedList"/>
    <dgm:cxn modelId="{89D722D6-6C9E-4565-8146-F38132987DB2}" type="presParOf" srcId="{466C636E-3D4C-4387-9147-B0AC97EF9007}" destId="{147BDE39-5EFB-4358-99C7-FB0CA41F5EC6}" srcOrd="17" destOrd="0" presId="urn:microsoft.com/office/officeart/2008/layout/LinedList"/>
    <dgm:cxn modelId="{4E492272-0B02-4D59-8AF0-6FC7A5163525}" type="presParOf" srcId="{147BDE39-5EFB-4358-99C7-FB0CA41F5EC6}" destId="{24CCEA0E-973E-4554-8FDC-9765AC3098D9}" srcOrd="0" destOrd="0" presId="urn:microsoft.com/office/officeart/2008/layout/LinedList"/>
    <dgm:cxn modelId="{6174323A-2BB8-4F05-BBCF-D4E565146DFF}" type="presParOf" srcId="{147BDE39-5EFB-4358-99C7-FB0CA41F5EC6}" destId="{7D0DB408-55D4-4771-B647-A24F0D36DE36}" srcOrd="1" destOrd="0" presId="urn:microsoft.com/office/officeart/2008/layout/LinedList"/>
    <dgm:cxn modelId="{16F44E70-31AE-4CC3-909D-B5A32D6DA6B7}" type="presParOf" srcId="{466C636E-3D4C-4387-9147-B0AC97EF9007}" destId="{19C0D88D-13A7-4E7E-AA0E-B0BECB23A6DD}" srcOrd="18" destOrd="0" presId="urn:microsoft.com/office/officeart/2008/layout/LinedList"/>
    <dgm:cxn modelId="{89715274-39E4-4338-B155-56C6FB155A49}" type="presParOf" srcId="{466C636E-3D4C-4387-9147-B0AC97EF9007}" destId="{9979D83C-C7BD-4869-95C8-D9BB4BE9CE81}" srcOrd="19" destOrd="0" presId="urn:microsoft.com/office/officeart/2008/layout/LinedList"/>
    <dgm:cxn modelId="{29D27B1E-3F66-4296-BAAF-B5712FF63085}" type="presParOf" srcId="{9979D83C-C7BD-4869-95C8-D9BB4BE9CE81}" destId="{AE4A083A-E312-4D22-BB38-2E5217104863}" srcOrd="0" destOrd="0" presId="urn:microsoft.com/office/officeart/2008/layout/LinedList"/>
    <dgm:cxn modelId="{81681CF0-976D-4A69-86F7-9840128F8FAF}" type="presParOf" srcId="{9979D83C-C7BD-4869-95C8-D9BB4BE9CE81}" destId="{979C6EDD-C13A-4DD4-9909-202898B9ECC7}" srcOrd="1" destOrd="0" presId="urn:microsoft.com/office/officeart/2008/layout/LinedList"/>
    <dgm:cxn modelId="{0C37EBEB-71CA-4DF5-8594-DE9E3C1B5A82}" type="presParOf" srcId="{466C636E-3D4C-4387-9147-B0AC97EF9007}" destId="{58D3422B-882F-4954-B16B-2FAC15578FBE}" srcOrd="20" destOrd="0" presId="urn:microsoft.com/office/officeart/2008/layout/LinedList"/>
    <dgm:cxn modelId="{7A0CB1CF-7394-4D49-BDAB-DFE9DEAA940D}" type="presParOf" srcId="{466C636E-3D4C-4387-9147-B0AC97EF9007}" destId="{A30825C7-D31F-4A2B-BE15-8C7E14E544AB}" srcOrd="21" destOrd="0" presId="urn:microsoft.com/office/officeart/2008/layout/LinedList"/>
    <dgm:cxn modelId="{A876E598-6085-4FCF-85D7-52AA7C64303F}" type="presParOf" srcId="{A30825C7-D31F-4A2B-BE15-8C7E14E544AB}" destId="{D939EB85-DFDA-489D-8D1A-7BCCFAF022BB}" srcOrd="0" destOrd="0" presId="urn:microsoft.com/office/officeart/2008/layout/LinedList"/>
    <dgm:cxn modelId="{F8F91177-41AF-447F-8FFD-390FB53730BF}" type="presParOf" srcId="{A30825C7-D31F-4A2B-BE15-8C7E14E544AB}" destId="{FD7BE3ED-AEC6-4321-B446-6D667546AF84}" srcOrd="1" destOrd="0" presId="urn:microsoft.com/office/officeart/2008/layout/LinedList"/>
    <dgm:cxn modelId="{79E53833-05E0-4079-B8EA-84309E285A3C}" type="presParOf" srcId="{466C636E-3D4C-4387-9147-B0AC97EF9007}" destId="{64400BCD-4513-4B86-A428-353828153DE9}" srcOrd="22" destOrd="0" presId="urn:microsoft.com/office/officeart/2008/layout/LinedList"/>
    <dgm:cxn modelId="{A1F4FA76-F4EC-4F0E-AA35-D84838105C52}" type="presParOf" srcId="{466C636E-3D4C-4387-9147-B0AC97EF9007}" destId="{8C300D20-CE83-4918-9032-399293B5CCEA}" srcOrd="23" destOrd="0" presId="urn:microsoft.com/office/officeart/2008/layout/LinedList"/>
    <dgm:cxn modelId="{C2D2700D-0B6A-4B53-BC63-CDF1939F8241}" type="presParOf" srcId="{8C300D20-CE83-4918-9032-399293B5CCEA}" destId="{3F2A2F5D-4E1C-4C2F-84FE-020459D43D55}" srcOrd="0" destOrd="0" presId="urn:microsoft.com/office/officeart/2008/layout/LinedList"/>
    <dgm:cxn modelId="{7ED1038F-FD54-4927-BB79-0347E6E3F950}" type="presParOf" srcId="{8C300D20-CE83-4918-9032-399293B5CCEA}" destId="{390AD2E9-9195-4DF1-AE14-EE85FD6C1383}" srcOrd="1" destOrd="0" presId="urn:microsoft.com/office/officeart/2008/layout/LinedList"/>
    <dgm:cxn modelId="{F95BDEA6-2470-4AC3-9FBA-9ED780E962F9}" type="presParOf" srcId="{466C636E-3D4C-4387-9147-B0AC97EF9007}" destId="{B60D2673-EB1D-4375-9FCD-F260796F913C}" srcOrd="24" destOrd="0" presId="urn:microsoft.com/office/officeart/2008/layout/LinedList"/>
    <dgm:cxn modelId="{028648E1-080D-45D4-92B0-796E944C4BA7}" type="presParOf" srcId="{466C636E-3D4C-4387-9147-B0AC97EF9007}" destId="{B02E18C1-8FDC-4ED6-9189-537B9099FA6C}" srcOrd="25" destOrd="0" presId="urn:microsoft.com/office/officeart/2008/layout/LinedList"/>
    <dgm:cxn modelId="{5C80E1BE-1F7A-470C-98F3-FFD03DC50315}" type="presParOf" srcId="{B02E18C1-8FDC-4ED6-9189-537B9099FA6C}" destId="{96F67A32-A058-4307-AD60-F6505C154D39}" srcOrd="0" destOrd="0" presId="urn:microsoft.com/office/officeart/2008/layout/LinedList"/>
    <dgm:cxn modelId="{A09A16EC-BE31-4C75-AEB2-7B77AF103C88}" type="presParOf" srcId="{B02E18C1-8FDC-4ED6-9189-537B9099FA6C}" destId="{205F572E-0B77-4E4F-997C-1886E2B87EE4}" srcOrd="1" destOrd="0" presId="urn:microsoft.com/office/officeart/2008/layout/LinedList"/>
    <dgm:cxn modelId="{3BD053BE-AD43-4D31-92B2-C4E87DA360CA}" type="presParOf" srcId="{466C636E-3D4C-4387-9147-B0AC97EF9007}" destId="{73AE9113-1E73-457F-9D1E-C812545C5E77}" srcOrd="26" destOrd="0" presId="urn:microsoft.com/office/officeart/2008/layout/LinedList"/>
    <dgm:cxn modelId="{AE0C9318-6BD2-4138-980C-2AFD5B038C4B}" type="presParOf" srcId="{466C636E-3D4C-4387-9147-B0AC97EF9007}" destId="{8BC64F4A-A4A6-4EEA-BB67-F690D4E9D2E1}" srcOrd="27" destOrd="0" presId="urn:microsoft.com/office/officeart/2008/layout/LinedList"/>
    <dgm:cxn modelId="{1947FAF6-6179-4EED-9C64-1D9AD2E95999}" type="presParOf" srcId="{8BC64F4A-A4A6-4EEA-BB67-F690D4E9D2E1}" destId="{32C70344-87F8-4081-A003-6160FCA08BA8}" srcOrd="0" destOrd="0" presId="urn:microsoft.com/office/officeart/2008/layout/LinedList"/>
    <dgm:cxn modelId="{27D2F5E3-B88E-41B1-A53F-66CE6E4BEE8A}" type="presParOf" srcId="{8BC64F4A-A4A6-4EEA-BB67-F690D4E9D2E1}" destId="{A32B5A15-E601-4083-A5E2-C59B6EBE7E07}" srcOrd="1" destOrd="0" presId="urn:microsoft.com/office/officeart/2008/layout/LinedList"/>
    <dgm:cxn modelId="{8A583EC7-DEA3-4429-9596-39D2DE497C79}" type="presParOf" srcId="{466C636E-3D4C-4387-9147-B0AC97EF9007}" destId="{A33C4595-1050-414C-8C1C-5D415AC88E42}" srcOrd="28" destOrd="0" presId="urn:microsoft.com/office/officeart/2008/layout/LinedList"/>
    <dgm:cxn modelId="{71BE1017-ACA2-42F2-9489-D53F52DD5FA0}" type="presParOf" srcId="{466C636E-3D4C-4387-9147-B0AC97EF9007}" destId="{DCDB3C97-CF51-451F-A04B-9A7FCF378707}" srcOrd="29" destOrd="0" presId="urn:microsoft.com/office/officeart/2008/layout/LinedList"/>
    <dgm:cxn modelId="{80C1E91C-B47C-445F-8C0D-AAA883EB60FB}" type="presParOf" srcId="{DCDB3C97-CF51-451F-A04B-9A7FCF378707}" destId="{235D012B-B2AA-4E14-85C3-A5511B265F66}" srcOrd="0" destOrd="0" presId="urn:microsoft.com/office/officeart/2008/layout/LinedList"/>
    <dgm:cxn modelId="{F48F6F53-F614-471A-86B7-48461B2C0587}" type="presParOf" srcId="{DCDB3C97-CF51-451F-A04B-9A7FCF378707}" destId="{2EFD6DFC-A7DB-49C5-A1B9-0F80BEC52D01}" srcOrd="1" destOrd="0" presId="urn:microsoft.com/office/officeart/2008/layout/LinedList"/>
    <dgm:cxn modelId="{9E229280-16CC-4747-970A-A9164027AF63}" type="presParOf" srcId="{466C636E-3D4C-4387-9147-B0AC97EF9007}" destId="{EE714532-3E5B-453C-8C0A-0B1FA4F87B84}" srcOrd="30" destOrd="0" presId="urn:microsoft.com/office/officeart/2008/layout/LinedList"/>
    <dgm:cxn modelId="{DA2FCE70-EAF5-4BF6-B563-5F35F5C52509}" type="presParOf" srcId="{466C636E-3D4C-4387-9147-B0AC97EF9007}" destId="{C29DEED7-0426-4EBC-89AE-65C2241B2C7A}" srcOrd="31" destOrd="0" presId="urn:microsoft.com/office/officeart/2008/layout/LinedList"/>
    <dgm:cxn modelId="{583853F0-5BC9-455F-8E63-44E519DF2225}" type="presParOf" srcId="{C29DEED7-0426-4EBC-89AE-65C2241B2C7A}" destId="{EF91C1A4-F2A4-4022-B6A4-9397A5A2B810}" srcOrd="0" destOrd="0" presId="urn:microsoft.com/office/officeart/2008/layout/LinedList"/>
    <dgm:cxn modelId="{89956A9D-B5CB-482B-8367-D0B95550A992}" type="presParOf" srcId="{C29DEED7-0426-4EBC-89AE-65C2241B2C7A}" destId="{16CFC6CB-AC0C-47EE-811F-2716304478AA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0496613-3E89-4CE7-AE40-88746F7C8B30}" type="doc">
      <dgm:prSet loTypeId="urn:microsoft.com/office/officeart/2018/2/layout/IconLabelDescriptionList" loCatId="icon" qsTypeId="urn:microsoft.com/office/officeart/2005/8/quickstyle/simple1" qsCatId="simple" csTypeId="urn:microsoft.com/office/officeart/2018/5/colors/Iconchunking_neutralbg_accent2_2" csCatId="accent2" phldr="1"/>
      <dgm:spPr/>
      <dgm:t>
        <a:bodyPr/>
        <a:lstStyle/>
        <a:p>
          <a:endParaRPr lang="en-US"/>
        </a:p>
      </dgm:t>
    </dgm:pt>
    <dgm:pt modelId="{A2AF1A4A-8C06-451A-BB35-A3FD680C116E}">
      <dgm:prSet custT="1"/>
      <dgm:spPr/>
      <dgm:t>
        <a:bodyPr/>
        <a:lstStyle/>
        <a:p>
          <a:pPr>
            <a:lnSpc>
              <a:spcPct val="100000"/>
            </a:lnSpc>
            <a:defRPr b="1"/>
          </a:pPr>
          <a:r>
            <a:rPr lang="en-US" sz="2000" dirty="0">
              <a:latin typeface="Times New Roman" panose="02020603050405020304" pitchFamily="18" charset="0"/>
              <a:cs typeface="Times New Roman" panose="02020603050405020304" pitchFamily="18" charset="0"/>
            </a:rPr>
            <a:t>Collaboratives</a:t>
          </a:r>
          <a:r>
            <a:rPr lang="en-US" sz="1400" dirty="0">
              <a:latin typeface="Times New Roman" panose="02020603050405020304" pitchFamily="18" charset="0"/>
              <a:cs typeface="Times New Roman" panose="02020603050405020304" pitchFamily="18" charset="0"/>
            </a:rPr>
            <a:t>:</a:t>
          </a:r>
        </a:p>
        <a:p>
          <a:pPr>
            <a:lnSpc>
              <a:spcPct val="100000"/>
            </a:lnSpc>
            <a:defRPr b="1"/>
          </a:pPr>
          <a:r>
            <a:rPr lang="en-US" sz="1400" b="0" dirty="0">
              <a:latin typeface="Times New Roman" panose="02020603050405020304" pitchFamily="18" charset="0"/>
              <a:cs typeface="Times New Roman" panose="02020603050405020304" pitchFamily="18" charset="0"/>
            </a:rPr>
            <a:t>              We strive to bring people together and provide employment. We do not isolate users.</a:t>
          </a:r>
        </a:p>
      </dgm:t>
    </dgm:pt>
    <dgm:pt modelId="{841B5341-F615-4DB0-91DB-86837F01EBB5}" type="parTrans" cxnId="{17469B53-53BD-4A42-9AB0-2C5AF683FB7C}">
      <dgm:prSet/>
      <dgm:spPr/>
      <dgm:t>
        <a:bodyPr/>
        <a:lstStyle/>
        <a:p>
          <a:endParaRPr lang="en-US"/>
        </a:p>
      </dgm:t>
    </dgm:pt>
    <dgm:pt modelId="{490A05AC-BA0F-4347-94EF-03E0AA8997D0}" type="sibTrans" cxnId="{17469B53-53BD-4A42-9AB0-2C5AF683FB7C}">
      <dgm:prSet/>
      <dgm:spPr/>
      <dgm:t>
        <a:bodyPr/>
        <a:lstStyle/>
        <a:p>
          <a:endParaRPr lang="en-US"/>
        </a:p>
      </dgm:t>
    </dgm:pt>
    <dgm:pt modelId="{353D1DE7-BDD1-435C-97F6-71FF808D0E8B}">
      <dgm:prSet custT="1"/>
      <dgm:spPr/>
      <dgm:t>
        <a:bodyPr/>
        <a:lstStyle/>
        <a:p>
          <a:pPr>
            <a:lnSpc>
              <a:spcPct val="100000"/>
            </a:lnSpc>
            <a:defRPr b="1"/>
          </a:pPr>
          <a:r>
            <a:rPr lang="en-US" sz="2000" b="1" dirty="0">
              <a:latin typeface="Times New Roman" panose="02020603050405020304" pitchFamily="18" charset="0"/>
              <a:cs typeface="Times New Roman" panose="02020603050405020304" pitchFamily="18" charset="0"/>
            </a:rPr>
            <a:t>Intuitive:</a:t>
          </a:r>
        </a:p>
        <a:p>
          <a:pPr>
            <a:lnSpc>
              <a:spcPct val="100000"/>
            </a:lnSpc>
            <a:defRPr b="1"/>
          </a:pPr>
          <a:r>
            <a:rPr lang="en-US" sz="1400" b="0" dirty="0">
              <a:latin typeface="Times New Roman" panose="02020603050405020304" pitchFamily="18" charset="0"/>
              <a:cs typeface="Times New Roman" panose="02020603050405020304" pitchFamily="18" charset="0"/>
            </a:rPr>
            <a:t>           Simplicity and ease of user.</a:t>
          </a:r>
        </a:p>
      </dgm:t>
    </dgm:pt>
    <dgm:pt modelId="{2E2F6B6A-450B-49F0-BCAE-879AFA975720}" type="parTrans" cxnId="{066F4CF6-E741-4A38-BC52-A6488BFFE703}">
      <dgm:prSet/>
      <dgm:spPr/>
      <dgm:t>
        <a:bodyPr/>
        <a:lstStyle/>
        <a:p>
          <a:endParaRPr lang="en-US"/>
        </a:p>
      </dgm:t>
    </dgm:pt>
    <dgm:pt modelId="{BA4A5BC2-DA0B-4474-9AD6-BC56A842C651}" type="sibTrans" cxnId="{066F4CF6-E741-4A38-BC52-A6488BFFE703}">
      <dgm:prSet/>
      <dgm:spPr/>
      <dgm:t>
        <a:bodyPr/>
        <a:lstStyle/>
        <a:p>
          <a:endParaRPr lang="en-US"/>
        </a:p>
      </dgm:t>
    </dgm:pt>
    <dgm:pt modelId="{CBC52509-8344-43DB-BB87-3BFFA5714624}">
      <dgm:prSet custT="1"/>
      <dgm:spPr/>
      <dgm:t>
        <a:bodyPr/>
        <a:lstStyle/>
        <a:p>
          <a:pPr>
            <a:lnSpc>
              <a:spcPct val="100000"/>
            </a:lnSpc>
            <a:defRPr b="1"/>
          </a:pPr>
          <a:r>
            <a:rPr lang="en-US" sz="2000" dirty="0">
              <a:latin typeface="Times New Roman" panose="02020603050405020304" pitchFamily="18" charset="0"/>
              <a:cs typeface="Times New Roman" panose="02020603050405020304" pitchFamily="18" charset="0"/>
            </a:rPr>
            <a:t>Innovative:</a:t>
          </a:r>
        </a:p>
        <a:p>
          <a:pPr>
            <a:lnSpc>
              <a:spcPct val="100000"/>
            </a:lnSpc>
            <a:defRPr b="1"/>
          </a:pPr>
          <a:r>
            <a:rPr lang="en-US" sz="1400" b="0" dirty="0">
              <a:latin typeface="Times New Roman" panose="02020603050405020304" pitchFamily="18" charset="0"/>
              <a:cs typeface="Times New Roman" panose="02020603050405020304" pitchFamily="18" charset="0"/>
            </a:rPr>
            <a:t>           Push boundary in Tech and improve user experience frequently </a:t>
          </a:r>
        </a:p>
      </dgm:t>
    </dgm:pt>
    <dgm:pt modelId="{21C6F1DD-D8FB-44A1-89D0-1CF1F0C5BB33}" type="parTrans" cxnId="{D5F874D0-7736-4F45-91C6-C6EF2DB6D4A1}">
      <dgm:prSet/>
      <dgm:spPr/>
      <dgm:t>
        <a:bodyPr/>
        <a:lstStyle/>
        <a:p>
          <a:endParaRPr lang="en-US"/>
        </a:p>
      </dgm:t>
    </dgm:pt>
    <dgm:pt modelId="{11C584F3-220F-480E-8275-040E82DBC31A}" type="sibTrans" cxnId="{D5F874D0-7736-4F45-91C6-C6EF2DB6D4A1}">
      <dgm:prSet/>
      <dgm:spPr/>
      <dgm:t>
        <a:bodyPr/>
        <a:lstStyle/>
        <a:p>
          <a:endParaRPr lang="en-US"/>
        </a:p>
      </dgm:t>
    </dgm:pt>
    <dgm:pt modelId="{2BDDFAB1-AEB4-4672-8782-D534997DA81D}" type="pres">
      <dgm:prSet presAssocID="{20496613-3E89-4CE7-AE40-88746F7C8B30}" presName="root" presStyleCnt="0">
        <dgm:presLayoutVars>
          <dgm:dir/>
          <dgm:resizeHandles val="exact"/>
        </dgm:presLayoutVars>
      </dgm:prSet>
      <dgm:spPr/>
    </dgm:pt>
    <dgm:pt modelId="{DFB27EB9-6C09-46CC-9450-9D24797B4504}" type="pres">
      <dgm:prSet presAssocID="{A2AF1A4A-8C06-451A-BB35-A3FD680C116E}" presName="compNode" presStyleCnt="0"/>
      <dgm:spPr/>
    </dgm:pt>
    <dgm:pt modelId="{78B67677-4B2D-42BF-9DBD-15EA0A104A18}" type="pres">
      <dgm:prSet presAssocID="{A2AF1A4A-8C06-451A-BB35-A3FD680C116E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onnections"/>
        </a:ext>
      </dgm:extLst>
    </dgm:pt>
    <dgm:pt modelId="{70B05C1D-ECF1-4F63-970A-F49679FECEE3}" type="pres">
      <dgm:prSet presAssocID="{A2AF1A4A-8C06-451A-BB35-A3FD680C116E}" presName="iconSpace" presStyleCnt="0"/>
      <dgm:spPr/>
    </dgm:pt>
    <dgm:pt modelId="{E9307ED2-497A-4D03-8ED5-3086F4FC3AAB}" type="pres">
      <dgm:prSet presAssocID="{A2AF1A4A-8C06-451A-BB35-A3FD680C116E}" presName="parTx" presStyleLbl="revTx" presStyleIdx="0" presStyleCnt="6">
        <dgm:presLayoutVars>
          <dgm:chMax val="0"/>
          <dgm:chPref val="0"/>
        </dgm:presLayoutVars>
      </dgm:prSet>
      <dgm:spPr/>
    </dgm:pt>
    <dgm:pt modelId="{E0789C5B-CFF0-498C-85F9-52CC3A2ED2AE}" type="pres">
      <dgm:prSet presAssocID="{A2AF1A4A-8C06-451A-BB35-A3FD680C116E}" presName="txSpace" presStyleCnt="0"/>
      <dgm:spPr/>
    </dgm:pt>
    <dgm:pt modelId="{D1E6EF0D-DAF9-4230-9EA6-CB8406E7BFF2}" type="pres">
      <dgm:prSet presAssocID="{A2AF1A4A-8C06-451A-BB35-A3FD680C116E}" presName="desTx" presStyleLbl="revTx" presStyleIdx="1" presStyleCnt="6">
        <dgm:presLayoutVars/>
      </dgm:prSet>
      <dgm:spPr/>
    </dgm:pt>
    <dgm:pt modelId="{A85CA225-70F1-4431-95EF-93CE246561BA}" type="pres">
      <dgm:prSet presAssocID="{490A05AC-BA0F-4347-94EF-03E0AA8997D0}" presName="sibTrans" presStyleCnt="0"/>
      <dgm:spPr/>
    </dgm:pt>
    <dgm:pt modelId="{22CC2F53-B6EA-41BF-B5F7-DC5191B98A6F}" type="pres">
      <dgm:prSet presAssocID="{353D1DE7-BDD1-435C-97F6-71FF808D0E8B}" presName="compNode" presStyleCnt="0"/>
      <dgm:spPr/>
    </dgm:pt>
    <dgm:pt modelId="{D54DB672-C169-4C71-BD3A-81B3289DD005}" type="pres">
      <dgm:prSet presAssocID="{353D1DE7-BDD1-435C-97F6-71FF808D0E8B}" presName="iconRect" presStyleLbl="node1" presStyleIdx="1" presStyleCnt="3" custLinFactNeighborX="71118" custLinFactNeighborY="3230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onfused Person"/>
        </a:ext>
      </dgm:extLst>
    </dgm:pt>
    <dgm:pt modelId="{32BFD283-7020-4D53-927D-C808E4BAA757}" type="pres">
      <dgm:prSet presAssocID="{353D1DE7-BDD1-435C-97F6-71FF808D0E8B}" presName="iconSpace" presStyleCnt="0"/>
      <dgm:spPr/>
    </dgm:pt>
    <dgm:pt modelId="{1171807D-3C63-440A-AAD6-4EF13E8C3664}" type="pres">
      <dgm:prSet presAssocID="{353D1DE7-BDD1-435C-97F6-71FF808D0E8B}" presName="parTx" presStyleLbl="revTx" presStyleIdx="2" presStyleCnt="6" custScaleX="88769">
        <dgm:presLayoutVars>
          <dgm:chMax val="0"/>
          <dgm:chPref val="0"/>
        </dgm:presLayoutVars>
      </dgm:prSet>
      <dgm:spPr/>
    </dgm:pt>
    <dgm:pt modelId="{F2182B5F-957A-4AEE-96E2-61C66E4EA4C2}" type="pres">
      <dgm:prSet presAssocID="{353D1DE7-BDD1-435C-97F6-71FF808D0E8B}" presName="txSpace" presStyleCnt="0"/>
      <dgm:spPr/>
    </dgm:pt>
    <dgm:pt modelId="{4578B917-ACED-4C71-AA73-5290BE08A42A}" type="pres">
      <dgm:prSet presAssocID="{353D1DE7-BDD1-435C-97F6-71FF808D0E8B}" presName="desTx" presStyleLbl="revTx" presStyleIdx="3" presStyleCnt="6">
        <dgm:presLayoutVars/>
      </dgm:prSet>
      <dgm:spPr/>
    </dgm:pt>
    <dgm:pt modelId="{22AA71C3-1388-479C-924F-48131EFDFE2A}" type="pres">
      <dgm:prSet presAssocID="{BA4A5BC2-DA0B-4474-9AD6-BC56A842C651}" presName="sibTrans" presStyleCnt="0"/>
      <dgm:spPr/>
    </dgm:pt>
    <dgm:pt modelId="{C2651A34-E112-492F-84B5-27C617834455}" type="pres">
      <dgm:prSet presAssocID="{CBC52509-8344-43DB-BB87-3BFFA5714624}" presName="compNode" presStyleCnt="0"/>
      <dgm:spPr/>
    </dgm:pt>
    <dgm:pt modelId="{45C678A9-415B-45D1-8604-A4CF3E1902CC}" type="pres">
      <dgm:prSet presAssocID="{CBC52509-8344-43DB-BB87-3BFFA5714624}" presName="iconRect" presStyleLbl="node1" presStyleIdx="2" presStyleCnt="3" custLinFactNeighborX="22374" custLinFactNeighborY="421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roup Brainstorm"/>
        </a:ext>
      </dgm:extLst>
    </dgm:pt>
    <dgm:pt modelId="{68ACE8E7-9DCC-4599-9F8B-E99694336E90}" type="pres">
      <dgm:prSet presAssocID="{CBC52509-8344-43DB-BB87-3BFFA5714624}" presName="iconSpace" presStyleCnt="0"/>
      <dgm:spPr/>
    </dgm:pt>
    <dgm:pt modelId="{ECE1B1EF-5FDE-4E0A-AAF7-AE614CD4691A}" type="pres">
      <dgm:prSet presAssocID="{CBC52509-8344-43DB-BB87-3BFFA5714624}" presName="parTx" presStyleLbl="revTx" presStyleIdx="4" presStyleCnt="6" custLinFactNeighborX="327" custLinFactNeighborY="1657">
        <dgm:presLayoutVars>
          <dgm:chMax val="0"/>
          <dgm:chPref val="0"/>
        </dgm:presLayoutVars>
      </dgm:prSet>
      <dgm:spPr/>
    </dgm:pt>
    <dgm:pt modelId="{6117D4B0-9FA8-4896-AB10-674C13F9BCFC}" type="pres">
      <dgm:prSet presAssocID="{CBC52509-8344-43DB-BB87-3BFFA5714624}" presName="txSpace" presStyleCnt="0"/>
      <dgm:spPr/>
    </dgm:pt>
    <dgm:pt modelId="{336BDE59-3120-44FB-B788-470F5315FB85}" type="pres">
      <dgm:prSet presAssocID="{CBC52509-8344-43DB-BB87-3BFFA5714624}" presName="desTx" presStyleLbl="revTx" presStyleIdx="5" presStyleCnt="6">
        <dgm:presLayoutVars/>
      </dgm:prSet>
      <dgm:spPr/>
    </dgm:pt>
  </dgm:ptLst>
  <dgm:cxnLst>
    <dgm:cxn modelId="{66F4711C-C374-486A-B484-0DEFF7514C85}" type="presOf" srcId="{A2AF1A4A-8C06-451A-BB35-A3FD680C116E}" destId="{E9307ED2-497A-4D03-8ED5-3086F4FC3AAB}" srcOrd="0" destOrd="0" presId="urn:microsoft.com/office/officeart/2018/2/layout/IconLabelDescriptionList"/>
    <dgm:cxn modelId="{6390102F-F555-4A24-BD21-079933E02967}" type="presOf" srcId="{CBC52509-8344-43DB-BB87-3BFFA5714624}" destId="{ECE1B1EF-5FDE-4E0A-AAF7-AE614CD4691A}" srcOrd="0" destOrd="0" presId="urn:microsoft.com/office/officeart/2018/2/layout/IconLabelDescriptionList"/>
    <dgm:cxn modelId="{F029CF3D-E577-4BB8-9110-73A08155B860}" type="presOf" srcId="{20496613-3E89-4CE7-AE40-88746F7C8B30}" destId="{2BDDFAB1-AEB4-4672-8782-D534997DA81D}" srcOrd="0" destOrd="0" presId="urn:microsoft.com/office/officeart/2018/2/layout/IconLabelDescriptionList"/>
    <dgm:cxn modelId="{17469B53-53BD-4A42-9AB0-2C5AF683FB7C}" srcId="{20496613-3E89-4CE7-AE40-88746F7C8B30}" destId="{A2AF1A4A-8C06-451A-BB35-A3FD680C116E}" srcOrd="0" destOrd="0" parTransId="{841B5341-F615-4DB0-91DB-86837F01EBB5}" sibTransId="{490A05AC-BA0F-4347-94EF-03E0AA8997D0}"/>
    <dgm:cxn modelId="{D5F874D0-7736-4F45-91C6-C6EF2DB6D4A1}" srcId="{20496613-3E89-4CE7-AE40-88746F7C8B30}" destId="{CBC52509-8344-43DB-BB87-3BFFA5714624}" srcOrd="2" destOrd="0" parTransId="{21C6F1DD-D8FB-44A1-89D0-1CF1F0C5BB33}" sibTransId="{11C584F3-220F-480E-8275-040E82DBC31A}"/>
    <dgm:cxn modelId="{6465EFE6-B7EB-4566-8B54-A631F0583951}" type="presOf" srcId="{353D1DE7-BDD1-435C-97F6-71FF808D0E8B}" destId="{1171807D-3C63-440A-AAD6-4EF13E8C3664}" srcOrd="0" destOrd="0" presId="urn:microsoft.com/office/officeart/2018/2/layout/IconLabelDescriptionList"/>
    <dgm:cxn modelId="{066F4CF6-E741-4A38-BC52-A6488BFFE703}" srcId="{20496613-3E89-4CE7-AE40-88746F7C8B30}" destId="{353D1DE7-BDD1-435C-97F6-71FF808D0E8B}" srcOrd="1" destOrd="0" parTransId="{2E2F6B6A-450B-49F0-BCAE-879AFA975720}" sibTransId="{BA4A5BC2-DA0B-4474-9AD6-BC56A842C651}"/>
    <dgm:cxn modelId="{C7C6FF88-0478-401A-868F-15DAA9D75B55}" type="presParOf" srcId="{2BDDFAB1-AEB4-4672-8782-D534997DA81D}" destId="{DFB27EB9-6C09-46CC-9450-9D24797B4504}" srcOrd="0" destOrd="0" presId="urn:microsoft.com/office/officeart/2018/2/layout/IconLabelDescriptionList"/>
    <dgm:cxn modelId="{EC5B2177-53E2-4FD4-A1D5-506095606A93}" type="presParOf" srcId="{DFB27EB9-6C09-46CC-9450-9D24797B4504}" destId="{78B67677-4B2D-42BF-9DBD-15EA0A104A18}" srcOrd="0" destOrd="0" presId="urn:microsoft.com/office/officeart/2018/2/layout/IconLabelDescriptionList"/>
    <dgm:cxn modelId="{F565DEBA-76F2-4F0D-BD6A-E0FEA0234522}" type="presParOf" srcId="{DFB27EB9-6C09-46CC-9450-9D24797B4504}" destId="{70B05C1D-ECF1-4F63-970A-F49679FECEE3}" srcOrd="1" destOrd="0" presId="urn:microsoft.com/office/officeart/2018/2/layout/IconLabelDescriptionList"/>
    <dgm:cxn modelId="{10D47CFF-DC87-4879-B90A-080D5848CD83}" type="presParOf" srcId="{DFB27EB9-6C09-46CC-9450-9D24797B4504}" destId="{E9307ED2-497A-4D03-8ED5-3086F4FC3AAB}" srcOrd="2" destOrd="0" presId="urn:microsoft.com/office/officeart/2018/2/layout/IconLabelDescriptionList"/>
    <dgm:cxn modelId="{F90902BA-451C-4D00-8F06-573538DEDFEB}" type="presParOf" srcId="{DFB27EB9-6C09-46CC-9450-9D24797B4504}" destId="{E0789C5B-CFF0-498C-85F9-52CC3A2ED2AE}" srcOrd="3" destOrd="0" presId="urn:microsoft.com/office/officeart/2018/2/layout/IconLabelDescriptionList"/>
    <dgm:cxn modelId="{6D6E1D73-8E49-4677-9B8E-21A42088D3F4}" type="presParOf" srcId="{DFB27EB9-6C09-46CC-9450-9D24797B4504}" destId="{D1E6EF0D-DAF9-4230-9EA6-CB8406E7BFF2}" srcOrd="4" destOrd="0" presId="urn:microsoft.com/office/officeart/2018/2/layout/IconLabelDescriptionList"/>
    <dgm:cxn modelId="{83D15EF9-AB9E-4691-A249-25FD304FF4DC}" type="presParOf" srcId="{2BDDFAB1-AEB4-4672-8782-D534997DA81D}" destId="{A85CA225-70F1-4431-95EF-93CE246561BA}" srcOrd="1" destOrd="0" presId="urn:microsoft.com/office/officeart/2018/2/layout/IconLabelDescriptionList"/>
    <dgm:cxn modelId="{4E3B7637-7611-495F-BD6B-3C40CCD4D941}" type="presParOf" srcId="{2BDDFAB1-AEB4-4672-8782-D534997DA81D}" destId="{22CC2F53-B6EA-41BF-B5F7-DC5191B98A6F}" srcOrd="2" destOrd="0" presId="urn:microsoft.com/office/officeart/2018/2/layout/IconLabelDescriptionList"/>
    <dgm:cxn modelId="{AA1D4610-5BE1-44CD-BA27-2B3E8A71BBEF}" type="presParOf" srcId="{22CC2F53-B6EA-41BF-B5F7-DC5191B98A6F}" destId="{D54DB672-C169-4C71-BD3A-81B3289DD005}" srcOrd="0" destOrd="0" presId="urn:microsoft.com/office/officeart/2018/2/layout/IconLabelDescriptionList"/>
    <dgm:cxn modelId="{80CC77FF-B2D0-4B59-8C7F-F5ED06252940}" type="presParOf" srcId="{22CC2F53-B6EA-41BF-B5F7-DC5191B98A6F}" destId="{32BFD283-7020-4D53-927D-C808E4BAA757}" srcOrd="1" destOrd="0" presId="urn:microsoft.com/office/officeart/2018/2/layout/IconLabelDescriptionList"/>
    <dgm:cxn modelId="{C493230E-DBEC-42D8-B7EB-43EF70410251}" type="presParOf" srcId="{22CC2F53-B6EA-41BF-B5F7-DC5191B98A6F}" destId="{1171807D-3C63-440A-AAD6-4EF13E8C3664}" srcOrd="2" destOrd="0" presId="urn:microsoft.com/office/officeart/2018/2/layout/IconLabelDescriptionList"/>
    <dgm:cxn modelId="{02AB902B-9D96-449F-A0C9-BD6C8E25FC97}" type="presParOf" srcId="{22CC2F53-B6EA-41BF-B5F7-DC5191B98A6F}" destId="{F2182B5F-957A-4AEE-96E2-61C66E4EA4C2}" srcOrd="3" destOrd="0" presId="urn:microsoft.com/office/officeart/2018/2/layout/IconLabelDescriptionList"/>
    <dgm:cxn modelId="{4D2871E5-3F31-4E81-8AF1-4746D056445B}" type="presParOf" srcId="{22CC2F53-B6EA-41BF-B5F7-DC5191B98A6F}" destId="{4578B917-ACED-4C71-AA73-5290BE08A42A}" srcOrd="4" destOrd="0" presId="urn:microsoft.com/office/officeart/2018/2/layout/IconLabelDescriptionList"/>
    <dgm:cxn modelId="{988FD20A-D50D-44A1-BC67-60E879660C1C}" type="presParOf" srcId="{2BDDFAB1-AEB4-4672-8782-D534997DA81D}" destId="{22AA71C3-1388-479C-924F-48131EFDFE2A}" srcOrd="3" destOrd="0" presId="urn:microsoft.com/office/officeart/2018/2/layout/IconLabelDescriptionList"/>
    <dgm:cxn modelId="{79B018CC-D61A-4A26-9089-94D8A558F89F}" type="presParOf" srcId="{2BDDFAB1-AEB4-4672-8782-D534997DA81D}" destId="{C2651A34-E112-492F-84B5-27C617834455}" srcOrd="4" destOrd="0" presId="urn:microsoft.com/office/officeart/2018/2/layout/IconLabelDescriptionList"/>
    <dgm:cxn modelId="{AFDC989C-B3EA-4BD6-9DDF-A39B1A45C9B5}" type="presParOf" srcId="{C2651A34-E112-492F-84B5-27C617834455}" destId="{45C678A9-415B-45D1-8604-A4CF3E1902CC}" srcOrd="0" destOrd="0" presId="urn:microsoft.com/office/officeart/2018/2/layout/IconLabelDescriptionList"/>
    <dgm:cxn modelId="{62C0E1A6-D3A9-4D6D-A076-FD7FF9BBFE0D}" type="presParOf" srcId="{C2651A34-E112-492F-84B5-27C617834455}" destId="{68ACE8E7-9DCC-4599-9F8B-E99694336E90}" srcOrd="1" destOrd="0" presId="urn:microsoft.com/office/officeart/2018/2/layout/IconLabelDescriptionList"/>
    <dgm:cxn modelId="{25369A70-8B0E-4D20-B691-3B04CCA09902}" type="presParOf" srcId="{C2651A34-E112-492F-84B5-27C617834455}" destId="{ECE1B1EF-5FDE-4E0A-AAF7-AE614CD4691A}" srcOrd="2" destOrd="0" presId="urn:microsoft.com/office/officeart/2018/2/layout/IconLabelDescriptionList"/>
    <dgm:cxn modelId="{637BCDBC-BD61-4C03-A52E-EEE0BF96100A}" type="presParOf" srcId="{C2651A34-E112-492F-84B5-27C617834455}" destId="{6117D4B0-9FA8-4896-AB10-674C13F9BCFC}" srcOrd="3" destOrd="0" presId="urn:microsoft.com/office/officeart/2018/2/layout/IconLabelDescriptionList"/>
    <dgm:cxn modelId="{CD810044-D674-4D92-903C-B4640DA65F98}" type="presParOf" srcId="{C2651A34-E112-492F-84B5-27C617834455}" destId="{336BDE59-3120-44FB-B788-470F5315FB85}" srcOrd="4" destOrd="0" presId="urn:microsoft.com/office/officeart/2018/2/layout/IconLabelDescriptionList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646D8886-1D1A-4F97-84BA-F5402DB21F8F}" type="doc">
      <dgm:prSet loTypeId="urn:microsoft.com/office/officeart/2008/layout/LinedList" loCatId="list" qsTypeId="urn:microsoft.com/office/officeart/2005/8/quickstyle/simple1" qsCatId="simple" csTypeId="urn:microsoft.com/office/officeart/2005/8/colors/accent1_2" csCatId="accent1"/>
      <dgm:spPr/>
      <dgm:t>
        <a:bodyPr/>
        <a:lstStyle/>
        <a:p>
          <a:endParaRPr lang="en-US"/>
        </a:p>
      </dgm:t>
    </dgm:pt>
    <dgm:pt modelId="{6D62CAE7-6DDB-4652-9312-8EF5D44C26EA}">
      <dgm:prSet custT="1"/>
      <dgm:spPr/>
      <dgm:t>
        <a:bodyPr/>
        <a:lstStyle/>
        <a:p>
          <a:r>
            <a:rPr lang="en-US" sz="1400" b="1" i="0" dirty="0">
              <a:latin typeface="Times New Roman" panose="02020603050405020304" pitchFamily="18" charset="0"/>
              <a:cs typeface="Times New Roman" panose="02020603050405020304" pitchFamily="18" charset="0"/>
            </a:rPr>
            <a:t>Functional Requirement</a:t>
          </a:r>
          <a:endParaRPr lang="en-US" sz="1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8C13A99C-370D-40F5-A586-DEBE839575EC}" type="parTrans" cxnId="{154D502C-708E-4E0F-A2EA-5698CEA186D6}">
      <dgm:prSet/>
      <dgm:spPr/>
      <dgm:t>
        <a:bodyPr/>
        <a:lstStyle/>
        <a:p>
          <a:endParaRPr lang="en-US"/>
        </a:p>
      </dgm:t>
    </dgm:pt>
    <dgm:pt modelId="{316D423D-FD92-4CF1-B68A-25857D2E3B6C}" type="sibTrans" cxnId="{154D502C-708E-4E0F-A2EA-5698CEA186D6}">
      <dgm:prSet/>
      <dgm:spPr/>
      <dgm:t>
        <a:bodyPr/>
        <a:lstStyle/>
        <a:p>
          <a:endParaRPr lang="en-US"/>
        </a:p>
      </dgm:t>
    </dgm:pt>
    <dgm:pt modelId="{FB6CA54D-4203-4999-ACE5-DEDA1EF3E4F8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Registration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811C69A3-21CF-4197-B8D8-14275A6CD6B6}" type="parTrans" cxnId="{F73007A2-6FDF-4AD3-8AB2-BADC856ECC53}">
      <dgm:prSet/>
      <dgm:spPr/>
      <dgm:t>
        <a:bodyPr/>
        <a:lstStyle/>
        <a:p>
          <a:endParaRPr lang="en-US"/>
        </a:p>
      </dgm:t>
    </dgm:pt>
    <dgm:pt modelId="{9DE2A51B-3435-4170-AB74-069B80CB5C09}" type="sibTrans" cxnId="{F73007A2-6FDF-4AD3-8AB2-BADC856ECC53}">
      <dgm:prSet/>
      <dgm:spPr/>
      <dgm:t>
        <a:bodyPr/>
        <a:lstStyle/>
        <a:p>
          <a:endParaRPr lang="en-US"/>
        </a:p>
      </dgm:t>
    </dgm:pt>
    <dgm:pt modelId="{F0BCB40C-7440-47B8-B0C3-8054CBB0DA77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Login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7F79722D-DBC9-4CDC-8AEF-7FB278C44B1D}" type="parTrans" cxnId="{69F6767D-F025-4612-A46B-EF4305886F33}">
      <dgm:prSet/>
      <dgm:spPr/>
      <dgm:t>
        <a:bodyPr/>
        <a:lstStyle/>
        <a:p>
          <a:endParaRPr lang="en-US"/>
        </a:p>
      </dgm:t>
    </dgm:pt>
    <dgm:pt modelId="{D8709873-C65A-48BD-8E7A-2D9AF7A5DC9E}" type="sibTrans" cxnId="{69F6767D-F025-4612-A46B-EF4305886F33}">
      <dgm:prSet/>
      <dgm:spPr/>
      <dgm:t>
        <a:bodyPr/>
        <a:lstStyle/>
        <a:p>
          <a:endParaRPr lang="en-US"/>
        </a:p>
      </dgm:t>
    </dgm:pt>
    <dgm:pt modelId="{51359074-4663-4D75-9ED2-FD58ABB96A02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Username or Password retrieve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A349AE95-2DC4-4BB1-9102-FE7D6179820B}" type="parTrans" cxnId="{3E74FD51-A54C-4E39-88BA-72E57D09C08A}">
      <dgm:prSet/>
      <dgm:spPr/>
      <dgm:t>
        <a:bodyPr/>
        <a:lstStyle/>
        <a:p>
          <a:endParaRPr lang="en-US"/>
        </a:p>
      </dgm:t>
    </dgm:pt>
    <dgm:pt modelId="{873E04A9-3198-4391-AD49-A156327B9F05}" type="sibTrans" cxnId="{3E74FD51-A54C-4E39-88BA-72E57D09C08A}">
      <dgm:prSet/>
      <dgm:spPr/>
      <dgm:t>
        <a:bodyPr/>
        <a:lstStyle/>
        <a:p>
          <a:endParaRPr lang="en-US"/>
        </a:p>
      </dgm:t>
    </dgm:pt>
    <dgm:pt modelId="{65BC569E-61F6-4E54-9FA3-7BC2B5704C7D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Profile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4C2AC0B7-E564-4BA5-8F99-BF85C8820255}" type="parTrans" cxnId="{B6D2F7F4-A278-4777-A24A-D797DB49D63A}">
      <dgm:prSet/>
      <dgm:spPr/>
      <dgm:t>
        <a:bodyPr/>
        <a:lstStyle/>
        <a:p>
          <a:endParaRPr lang="en-US"/>
        </a:p>
      </dgm:t>
    </dgm:pt>
    <dgm:pt modelId="{463E1D8E-885C-4C69-BA61-10636B4F7CD4}" type="sibTrans" cxnId="{B6D2F7F4-A278-4777-A24A-D797DB49D63A}">
      <dgm:prSet/>
      <dgm:spPr/>
      <dgm:t>
        <a:bodyPr/>
        <a:lstStyle/>
        <a:p>
          <a:endParaRPr lang="en-US"/>
        </a:p>
      </dgm:t>
    </dgm:pt>
    <dgm:pt modelId="{6C821878-69D0-4447-B3C0-6AE3078F5CC2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Area selection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28B60448-DF95-4878-B88B-AFA15DB2D15E}" type="parTrans" cxnId="{8CA091CD-7C04-4CEA-8E3A-5E2D00DD9AC1}">
      <dgm:prSet/>
      <dgm:spPr/>
      <dgm:t>
        <a:bodyPr/>
        <a:lstStyle/>
        <a:p>
          <a:endParaRPr lang="en-US"/>
        </a:p>
      </dgm:t>
    </dgm:pt>
    <dgm:pt modelId="{CE20AA14-28B3-4BD1-AEA6-17859F7D3177}" type="sibTrans" cxnId="{8CA091CD-7C04-4CEA-8E3A-5E2D00DD9AC1}">
      <dgm:prSet/>
      <dgm:spPr/>
      <dgm:t>
        <a:bodyPr/>
        <a:lstStyle/>
        <a:p>
          <a:endParaRPr lang="en-US"/>
        </a:p>
      </dgm:t>
    </dgm:pt>
    <dgm:pt modelId="{AAB760C7-B2AB-4E05-9A08-4D264B5E6AD6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Search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E7B038A0-E5CB-42AB-90B7-186E7057900D}" type="parTrans" cxnId="{ABE0B9D5-8E82-4460-A987-4BFFE3F49296}">
      <dgm:prSet/>
      <dgm:spPr/>
      <dgm:t>
        <a:bodyPr/>
        <a:lstStyle/>
        <a:p>
          <a:endParaRPr lang="en-US"/>
        </a:p>
      </dgm:t>
    </dgm:pt>
    <dgm:pt modelId="{17C5950B-734F-4CA2-A88C-EF4A5ECE94AC}" type="sibTrans" cxnId="{ABE0B9D5-8E82-4460-A987-4BFFE3F49296}">
      <dgm:prSet/>
      <dgm:spPr/>
      <dgm:t>
        <a:bodyPr/>
        <a:lstStyle/>
        <a:p>
          <a:endParaRPr lang="en-US"/>
        </a:p>
      </dgm:t>
    </dgm:pt>
    <dgm:pt modelId="{05C93B2D-4A08-4028-9FB6-070D7E89A7BF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Post area as customer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619D6AE5-4495-4B86-8C76-0E38B67853CA}" type="parTrans" cxnId="{963BCBFE-03FC-42BC-8488-FD35F010A636}">
      <dgm:prSet/>
      <dgm:spPr/>
      <dgm:t>
        <a:bodyPr/>
        <a:lstStyle/>
        <a:p>
          <a:endParaRPr lang="en-US"/>
        </a:p>
      </dgm:t>
    </dgm:pt>
    <dgm:pt modelId="{AA39B4F7-B228-46BA-86E2-8444A0B376AA}" type="sibTrans" cxnId="{963BCBFE-03FC-42BC-8488-FD35F010A636}">
      <dgm:prSet/>
      <dgm:spPr/>
      <dgm:t>
        <a:bodyPr/>
        <a:lstStyle/>
        <a:p>
          <a:endParaRPr lang="en-US"/>
        </a:p>
      </dgm:t>
    </dgm:pt>
    <dgm:pt modelId="{A7E3A33F-A142-41A2-8E6C-27439BD13121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Post area as vendor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228CA6AF-2323-4C7D-A9FE-72D5026CCAE6}" type="parTrans" cxnId="{F6F27EC7-648F-4D4F-848B-393236CB2F52}">
      <dgm:prSet/>
      <dgm:spPr/>
      <dgm:t>
        <a:bodyPr/>
        <a:lstStyle/>
        <a:p>
          <a:endParaRPr lang="en-US"/>
        </a:p>
      </dgm:t>
    </dgm:pt>
    <dgm:pt modelId="{DEC9B1AE-1782-4DDA-8395-11EA7A2F9827}" type="sibTrans" cxnId="{F6F27EC7-648F-4D4F-848B-393236CB2F52}">
      <dgm:prSet/>
      <dgm:spPr/>
      <dgm:t>
        <a:bodyPr/>
        <a:lstStyle/>
        <a:p>
          <a:endParaRPr lang="en-US"/>
        </a:p>
      </dgm:t>
    </dgm:pt>
    <dgm:pt modelId="{48673554-CA91-48CF-A75A-1C987B26F7BC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Order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6FD20A88-79FC-4D0B-A6E5-545CC09827EA}" type="parTrans" cxnId="{F5621A94-5B93-46D0-9639-9589BCA3E448}">
      <dgm:prSet/>
      <dgm:spPr/>
      <dgm:t>
        <a:bodyPr/>
        <a:lstStyle/>
        <a:p>
          <a:endParaRPr lang="en-US"/>
        </a:p>
      </dgm:t>
    </dgm:pt>
    <dgm:pt modelId="{3ADF6D35-0789-4786-945B-F19D5B81CE86}" type="sibTrans" cxnId="{F5621A94-5B93-46D0-9639-9589BCA3E448}">
      <dgm:prSet/>
      <dgm:spPr/>
      <dgm:t>
        <a:bodyPr/>
        <a:lstStyle/>
        <a:p>
          <a:endParaRPr lang="en-US"/>
        </a:p>
      </dgm:t>
    </dgm:pt>
    <dgm:pt modelId="{A644552F-6456-452E-B469-D58AD626909B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Menu and quantity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89111D41-0E30-4614-9694-09609B84E904}" type="parTrans" cxnId="{44AE2BA3-1DD1-4785-B47F-84505011AFE3}">
      <dgm:prSet/>
      <dgm:spPr/>
      <dgm:t>
        <a:bodyPr/>
        <a:lstStyle/>
        <a:p>
          <a:endParaRPr lang="en-US"/>
        </a:p>
      </dgm:t>
    </dgm:pt>
    <dgm:pt modelId="{72E007E6-BCE5-4FA3-BA43-BAD89ABC366A}" type="sibTrans" cxnId="{44AE2BA3-1DD1-4785-B47F-84505011AFE3}">
      <dgm:prSet/>
      <dgm:spPr/>
      <dgm:t>
        <a:bodyPr/>
        <a:lstStyle/>
        <a:p>
          <a:endParaRPr lang="en-US"/>
        </a:p>
      </dgm:t>
    </dgm:pt>
    <dgm:pt modelId="{D676C89E-E853-445A-B379-3E8DA10D1995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Special Request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FBCCCE4C-0510-4C1A-B298-1CC391D223EC}" type="parTrans" cxnId="{3178E9B5-220B-4C40-915F-03780BF8C759}">
      <dgm:prSet/>
      <dgm:spPr/>
      <dgm:t>
        <a:bodyPr/>
        <a:lstStyle/>
        <a:p>
          <a:endParaRPr lang="en-US"/>
        </a:p>
      </dgm:t>
    </dgm:pt>
    <dgm:pt modelId="{2DCB702B-2C83-4754-8247-24C75D04C531}" type="sibTrans" cxnId="{3178E9B5-220B-4C40-915F-03780BF8C759}">
      <dgm:prSet/>
      <dgm:spPr/>
      <dgm:t>
        <a:bodyPr/>
        <a:lstStyle/>
        <a:p>
          <a:endParaRPr lang="en-US"/>
        </a:p>
      </dgm:t>
    </dgm:pt>
    <dgm:pt modelId="{453D747F-AE89-44E3-AB7D-AA73480730BD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Payment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0262298B-2A2C-46FA-AAEA-042A695D1F67}" type="parTrans" cxnId="{FFD8F5C6-F759-4F5A-AC06-5A4DEEAF0040}">
      <dgm:prSet/>
      <dgm:spPr/>
      <dgm:t>
        <a:bodyPr/>
        <a:lstStyle/>
        <a:p>
          <a:endParaRPr lang="en-US"/>
        </a:p>
      </dgm:t>
    </dgm:pt>
    <dgm:pt modelId="{6174720B-192F-4D5D-AD31-31573302EA36}" type="sibTrans" cxnId="{FFD8F5C6-F759-4F5A-AC06-5A4DEEAF0040}">
      <dgm:prSet/>
      <dgm:spPr/>
      <dgm:t>
        <a:bodyPr/>
        <a:lstStyle/>
        <a:p>
          <a:endParaRPr lang="en-US"/>
        </a:p>
      </dgm:t>
    </dgm:pt>
    <dgm:pt modelId="{87EB73BF-06DA-46E0-B5E2-FBA9D279EE12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Confirmation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8199BB6C-3456-4432-8A8F-E485D44B2194}" type="parTrans" cxnId="{35CC1DBA-CD03-4A67-9B33-549014169430}">
      <dgm:prSet/>
      <dgm:spPr/>
      <dgm:t>
        <a:bodyPr/>
        <a:lstStyle/>
        <a:p>
          <a:endParaRPr lang="en-US"/>
        </a:p>
      </dgm:t>
    </dgm:pt>
    <dgm:pt modelId="{2B293F36-6E63-496B-8AA8-C3E925EC458B}" type="sibTrans" cxnId="{35CC1DBA-CD03-4A67-9B33-549014169430}">
      <dgm:prSet/>
      <dgm:spPr/>
      <dgm:t>
        <a:bodyPr/>
        <a:lstStyle/>
        <a:p>
          <a:endParaRPr lang="en-US"/>
        </a:p>
      </dgm:t>
    </dgm:pt>
    <dgm:pt modelId="{5A0F91FE-E788-465A-9966-529B3A9DD0C3}">
      <dgm:prSet custT="1"/>
      <dgm:spPr/>
      <dgm:t>
        <a:bodyPr/>
        <a:lstStyle/>
        <a:p>
          <a:r>
            <a:rPr lang="en-US" sz="1400" b="0" i="1">
              <a:latin typeface="Times New Roman" panose="02020603050405020304" pitchFamily="18" charset="0"/>
              <a:cs typeface="Times New Roman" panose="02020603050405020304" pitchFamily="18" charset="0"/>
            </a:rPr>
            <a:t>Cancel</a:t>
          </a:r>
          <a:endParaRPr lang="en-US" sz="140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F621ED8A-C015-43FC-8DE0-CD1FB02831DF}" type="parTrans" cxnId="{851509E2-2C4B-47C3-8C57-3F7169277ABB}">
      <dgm:prSet/>
      <dgm:spPr/>
      <dgm:t>
        <a:bodyPr/>
        <a:lstStyle/>
        <a:p>
          <a:endParaRPr lang="en-US"/>
        </a:p>
      </dgm:t>
    </dgm:pt>
    <dgm:pt modelId="{F75422B0-15ED-4157-B96F-E76F66FB23B2}" type="sibTrans" cxnId="{851509E2-2C4B-47C3-8C57-3F7169277ABB}">
      <dgm:prSet/>
      <dgm:spPr/>
      <dgm:t>
        <a:bodyPr/>
        <a:lstStyle/>
        <a:p>
          <a:endParaRPr lang="en-US"/>
        </a:p>
      </dgm:t>
    </dgm:pt>
    <dgm:pt modelId="{FFFF93FE-34EF-4120-B6A1-2C09D15589B8}" type="pres">
      <dgm:prSet presAssocID="{646D8886-1D1A-4F97-84BA-F5402DB21F8F}" presName="vert0" presStyleCnt="0">
        <dgm:presLayoutVars>
          <dgm:dir/>
          <dgm:animOne val="branch"/>
          <dgm:animLvl val="lvl"/>
        </dgm:presLayoutVars>
      </dgm:prSet>
      <dgm:spPr/>
    </dgm:pt>
    <dgm:pt modelId="{AFD21FB1-8C2A-4D08-AF4E-939134BF80A6}" type="pres">
      <dgm:prSet presAssocID="{6D62CAE7-6DDB-4652-9312-8EF5D44C26EA}" presName="thickLine" presStyleLbl="alignNode1" presStyleIdx="0" presStyleCnt="15"/>
      <dgm:spPr/>
    </dgm:pt>
    <dgm:pt modelId="{750FA18C-4E37-4555-AF9E-C8C00AF6EE29}" type="pres">
      <dgm:prSet presAssocID="{6D62CAE7-6DDB-4652-9312-8EF5D44C26EA}" presName="horz1" presStyleCnt="0"/>
      <dgm:spPr/>
    </dgm:pt>
    <dgm:pt modelId="{F41079B5-236C-49B4-9140-6ED1283678B1}" type="pres">
      <dgm:prSet presAssocID="{6D62CAE7-6DDB-4652-9312-8EF5D44C26EA}" presName="tx1" presStyleLbl="revTx" presStyleIdx="0" presStyleCnt="15"/>
      <dgm:spPr/>
    </dgm:pt>
    <dgm:pt modelId="{8A9AFC34-CE73-4DFB-90F9-F57D747302A0}" type="pres">
      <dgm:prSet presAssocID="{6D62CAE7-6DDB-4652-9312-8EF5D44C26EA}" presName="vert1" presStyleCnt="0"/>
      <dgm:spPr/>
    </dgm:pt>
    <dgm:pt modelId="{CD58194D-9E9D-43DE-9FAA-C1E736F3A593}" type="pres">
      <dgm:prSet presAssocID="{FB6CA54D-4203-4999-ACE5-DEDA1EF3E4F8}" presName="thickLine" presStyleLbl="alignNode1" presStyleIdx="1" presStyleCnt="15"/>
      <dgm:spPr/>
    </dgm:pt>
    <dgm:pt modelId="{A721BD7F-EED2-490E-A7F2-E4C7C5240BDB}" type="pres">
      <dgm:prSet presAssocID="{FB6CA54D-4203-4999-ACE5-DEDA1EF3E4F8}" presName="horz1" presStyleCnt="0"/>
      <dgm:spPr/>
    </dgm:pt>
    <dgm:pt modelId="{811E9EBA-9761-4410-8588-BA729FB10D36}" type="pres">
      <dgm:prSet presAssocID="{FB6CA54D-4203-4999-ACE5-DEDA1EF3E4F8}" presName="tx1" presStyleLbl="revTx" presStyleIdx="1" presStyleCnt="15"/>
      <dgm:spPr/>
    </dgm:pt>
    <dgm:pt modelId="{3C358458-40BC-4AB6-8561-D4AC20F9246E}" type="pres">
      <dgm:prSet presAssocID="{FB6CA54D-4203-4999-ACE5-DEDA1EF3E4F8}" presName="vert1" presStyleCnt="0"/>
      <dgm:spPr/>
    </dgm:pt>
    <dgm:pt modelId="{553B5655-8B3D-466C-BDF5-40B0F3E40A8F}" type="pres">
      <dgm:prSet presAssocID="{F0BCB40C-7440-47B8-B0C3-8054CBB0DA77}" presName="thickLine" presStyleLbl="alignNode1" presStyleIdx="2" presStyleCnt="15"/>
      <dgm:spPr/>
    </dgm:pt>
    <dgm:pt modelId="{C20338AF-5CE2-4337-A7E7-4F82EE4ADA96}" type="pres">
      <dgm:prSet presAssocID="{F0BCB40C-7440-47B8-B0C3-8054CBB0DA77}" presName="horz1" presStyleCnt="0"/>
      <dgm:spPr/>
    </dgm:pt>
    <dgm:pt modelId="{CA1A7D58-9C3E-4F7F-8282-DA68B93D2A9B}" type="pres">
      <dgm:prSet presAssocID="{F0BCB40C-7440-47B8-B0C3-8054CBB0DA77}" presName="tx1" presStyleLbl="revTx" presStyleIdx="2" presStyleCnt="15"/>
      <dgm:spPr/>
    </dgm:pt>
    <dgm:pt modelId="{F382DF06-3E4C-4244-9D7C-0C62C10B970F}" type="pres">
      <dgm:prSet presAssocID="{F0BCB40C-7440-47B8-B0C3-8054CBB0DA77}" presName="vert1" presStyleCnt="0"/>
      <dgm:spPr/>
    </dgm:pt>
    <dgm:pt modelId="{8078BA9B-C951-4B48-B02B-D5DF657DC339}" type="pres">
      <dgm:prSet presAssocID="{51359074-4663-4D75-9ED2-FD58ABB96A02}" presName="thickLine" presStyleLbl="alignNode1" presStyleIdx="3" presStyleCnt="15"/>
      <dgm:spPr/>
    </dgm:pt>
    <dgm:pt modelId="{471F0A8F-5F84-40E4-8674-593A2AED72F1}" type="pres">
      <dgm:prSet presAssocID="{51359074-4663-4D75-9ED2-FD58ABB96A02}" presName="horz1" presStyleCnt="0"/>
      <dgm:spPr/>
    </dgm:pt>
    <dgm:pt modelId="{CB450B6D-F5B6-44DA-AE9B-77DB97F1204B}" type="pres">
      <dgm:prSet presAssocID="{51359074-4663-4D75-9ED2-FD58ABB96A02}" presName="tx1" presStyleLbl="revTx" presStyleIdx="3" presStyleCnt="15"/>
      <dgm:spPr/>
    </dgm:pt>
    <dgm:pt modelId="{50FF87A2-65C0-423B-852C-7BBBA3C96E3A}" type="pres">
      <dgm:prSet presAssocID="{51359074-4663-4D75-9ED2-FD58ABB96A02}" presName="vert1" presStyleCnt="0"/>
      <dgm:spPr/>
    </dgm:pt>
    <dgm:pt modelId="{AE475745-FB2B-47FA-A6BB-188083E4E01B}" type="pres">
      <dgm:prSet presAssocID="{65BC569E-61F6-4E54-9FA3-7BC2B5704C7D}" presName="thickLine" presStyleLbl="alignNode1" presStyleIdx="4" presStyleCnt="15"/>
      <dgm:spPr/>
    </dgm:pt>
    <dgm:pt modelId="{BB26C082-8EFF-4F85-9052-4FE29B12E869}" type="pres">
      <dgm:prSet presAssocID="{65BC569E-61F6-4E54-9FA3-7BC2B5704C7D}" presName="horz1" presStyleCnt="0"/>
      <dgm:spPr/>
    </dgm:pt>
    <dgm:pt modelId="{944A2AFF-34B9-4843-A711-102202E39C8B}" type="pres">
      <dgm:prSet presAssocID="{65BC569E-61F6-4E54-9FA3-7BC2B5704C7D}" presName="tx1" presStyleLbl="revTx" presStyleIdx="4" presStyleCnt="15"/>
      <dgm:spPr/>
    </dgm:pt>
    <dgm:pt modelId="{0DB63E20-3ECC-4ACE-AF32-D52B22CE7F26}" type="pres">
      <dgm:prSet presAssocID="{65BC569E-61F6-4E54-9FA3-7BC2B5704C7D}" presName="vert1" presStyleCnt="0"/>
      <dgm:spPr/>
    </dgm:pt>
    <dgm:pt modelId="{AAE4E699-0652-4EE7-A831-8544192DC726}" type="pres">
      <dgm:prSet presAssocID="{6C821878-69D0-4447-B3C0-6AE3078F5CC2}" presName="thickLine" presStyleLbl="alignNode1" presStyleIdx="5" presStyleCnt="15"/>
      <dgm:spPr/>
    </dgm:pt>
    <dgm:pt modelId="{C0E24647-7B93-489B-95C6-024F4FA8DFAF}" type="pres">
      <dgm:prSet presAssocID="{6C821878-69D0-4447-B3C0-6AE3078F5CC2}" presName="horz1" presStyleCnt="0"/>
      <dgm:spPr/>
    </dgm:pt>
    <dgm:pt modelId="{5BCAD265-6306-4728-86CE-42AF14EA7162}" type="pres">
      <dgm:prSet presAssocID="{6C821878-69D0-4447-B3C0-6AE3078F5CC2}" presName="tx1" presStyleLbl="revTx" presStyleIdx="5" presStyleCnt="15"/>
      <dgm:spPr/>
    </dgm:pt>
    <dgm:pt modelId="{172CD783-88BB-4F29-86F0-F76A503A3645}" type="pres">
      <dgm:prSet presAssocID="{6C821878-69D0-4447-B3C0-6AE3078F5CC2}" presName="vert1" presStyleCnt="0"/>
      <dgm:spPr/>
    </dgm:pt>
    <dgm:pt modelId="{784240C4-A0CA-4009-B6AE-D514A72246A5}" type="pres">
      <dgm:prSet presAssocID="{AAB760C7-B2AB-4E05-9A08-4D264B5E6AD6}" presName="thickLine" presStyleLbl="alignNode1" presStyleIdx="6" presStyleCnt="15"/>
      <dgm:spPr/>
    </dgm:pt>
    <dgm:pt modelId="{2919C5AC-F27E-4BA5-A185-610FC724E3C9}" type="pres">
      <dgm:prSet presAssocID="{AAB760C7-B2AB-4E05-9A08-4D264B5E6AD6}" presName="horz1" presStyleCnt="0"/>
      <dgm:spPr/>
    </dgm:pt>
    <dgm:pt modelId="{E3DBA0DD-D936-4B8A-928E-9F4100FF2E37}" type="pres">
      <dgm:prSet presAssocID="{AAB760C7-B2AB-4E05-9A08-4D264B5E6AD6}" presName="tx1" presStyleLbl="revTx" presStyleIdx="6" presStyleCnt="15"/>
      <dgm:spPr/>
    </dgm:pt>
    <dgm:pt modelId="{1B6FD853-9E7D-4A24-AA66-93F31A4E1B25}" type="pres">
      <dgm:prSet presAssocID="{AAB760C7-B2AB-4E05-9A08-4D264B5E6AD6}" presName="vert1" presStyleCnt="0"/>
      <dgm:spPr/>
    </dgm:pt>
    <dgm:pt modelId="{1754A26E-E162-462C-BF41-968F8E4EFD97}" type="pres">
      <dgm:prSet presAssocID="{05C93B2D-4A08-4028-9FB6-070D7E89A7BF}" presName="thickLine" presStyleLbl="alignNode1" presStyleIdx="7" presStyleCnt="15"/>
      <dgm:spPr/>
    </dgm:pt>
    <dgm:pt modelId="{D6D8AD05-D4E5-46E2-A6AF-693B688FCD66}" type="pres">
      <dgm:prSet presAssocID="{05C93B2D-4A08-4028-9FB6-070D7E89A7BF}" presName="horz1" presStyleCnt="0"/>
      <dgm:spPr/>
    </dgm:pt>
    <dgm:pt modelId="{93094431-DDAC-4152-839F-654AD96C6567}" type="pres">
      <dgm:prSet presAssocID="{05C93B2D-4A08-4028-9FB6-070D7E89A7BF}" presName="tx1" presStyleLbl="revTx" presStyleIdx="7" presStyleCnt="15"/>
      <dgm:spPr/>
    </dgm:pt>
    <dgm:pt modelId="{518B29F8-21C0-47C0-86D1-646CA5AB038A}" type="pres">
      <dgm:prSet presAssocID="{05C93B2D-4A08-4028-9FB6-070D7E89A7BF}" presName="vert1" presStyleCnt="0"/>
      <dgm:spPr/>
    </dgm:pt>
    <dgm:pt modelId="{64231FE0-42A8-46F6-B0EF-4EB8FB967F09}" type="pres">
      <dgm:prSet presAssocID="{A7E3A33F-A142-41A2-8E6C-27439BD13121}" presName="thickLine" presStyleLbl="alignNode1" presStyleIdx="8" presStyleCnt="15"/>
      <dgm:spPr/>
    </dgm:pt>
    <dgm:pt modelId="{B69DB523-798D-40B6-ACEE-C720633AB838}" type="pres">
      <dgm:prSet presAssocID="{A7E3A33F-A142-41A2-8E6C-27439BD13121}" presName="horz1" presStyleCnt="0"/>
      <dgm:spPr/>
    </dgm:pt>
    <dgm:pt modelId="{6B789390-F169-4425-9E1C-432D61D9EB15}" type="pres">
      <dgm:prSet presAssocID="{A7E3A33F-A142-41A2-8E6C-27439BD13121}" presName="tx1" presStyleLbl="revTx" presStyleIdx="8" presStyleCnt="15"/>
      <dgm:spPr/>
    </dgm:pt>
    <dgm:pt modelId="{DC11D1FA-9666-424B-9CD1-CCBDE52C8E27}" type="pres">
      <dgm:prSet presAssocID="{A7E3A33F-A142-41A2-8E6C-27439BD13121}" presName="vert1" presStyleCnt="0"/>
      <dgm:spPr/>
    </dgm:pt>
    <dgm:pt modelId="{3190B1E9-418E-41EF-99AC-681F1164A061}" type="pres">
      <dgm:prSet presAssocID="{48673554-CA91-48CF-A75A-1C987B26F7BC}" presName="thickLine" presStyleLbl="alignNode1" presStyleIdx="9" presStyleCnt="15"/>
      <dgm:spPr/>
    </dgm:pt>
    <dgm:pt modelId="{FA7DB4AF-D21D-4B20-86D4-E613E228E9ED}" type="pres">
      <dgm:prSet presAssocID="{48673554-CA91-48CF-A75A-1C987B26F7BC}" presName="horz1" presStyleCnt="0"/>
      <dgm:spPr/>
    </dgm:pt>
    <dgm:pt modelId="{AA0EE0D5-5D82-434C-B093-1230FF30B2A6}" type="pres">
      <dgm:prSet presAssocID="{48673554-CA91-48CF-A75A-1C987B26F7BC}" presName="tx1" presStyleLbl="revTx" presStyleIdx="9" presStyleCnt="15"/>
      <dgm:spPr/>
    </dgm:pt>
    <dgm:pt modelId="{CC212E4B-1EE2-4F61-AA2A-EC9042F4EED2}" type="pres">
      <dgm:prSet presAssocID="{48673554-CA91-48CF-A75A-1C987B26F7BC}" presName="vert1" presStyleCnt="0"/>
      <dgm:spPr/>
    </dgm:pt>
    <dgm:pt modelId="{6237B9CD-4EF6-4EA8-9D3C-37F6470AB3D8}" type="pres">
      <dgm:prSet presAssocID="{A644552F-6456-452E-B469-D58AD626909B}" presName="thickLine" presStyleLbl="alignNode1" presStyleIdx="10" presStyleCnt="15"/>
      <dgm:spPr/>
    </dgm:pt>
    <dgm:pt modelId="{0536B920-D3A9-46C1-AEC0-312A1777D8AA}" type="pres">
      <dgm:prSet presAssocID="{A644552F-6456-452E-B469-D58AD626909B}" presName="horz1" presStyleCnt="0"/>
      <dgm:spPr/>
    </dgm:pt>
    <dgm:pt modelId="{0BDC5ED3-B1BE-4116-9BDA-A049E2A5F7EE}" type="pres">
      <dgm:prSet presAssocID="{A644552F-6456-452E-B469-D58AD626909B}" presName="tx1" presStyleLbl="revTx" presStyleIdx="10" presStyleCnt="15"/>
      <dgm:spPr/>
    </dgm:pt>
    <dgm:pt modelId="{A6A663F1-C1B8-404D-998B-80742EEFFF1A}" type="pres">
      <dgm:prSet presAssocID="{A644552F-6456-452E-B469-D58AD626909B}" presName="vert1" presStyleCnt="0"/>
      <dgm:spPr/>
    </dgm:pt>
    <dgm:pt modelId="{3B92DFE1-ACB0-4A3D-B400-544D87208994}" type="pres">
      <dgm:prSet presAssocID="{D676C89E-E853-445A-B379-3E8DA10D1995}" presName="thickLine" presStyleLbl="alignNode1" presStyleIdx="11" presStyleCnt="15"/>
      <dgm:spPr/>
    </dgm:pt>
    <dgm:pt modelId="{DE3BB802-4299-4E01-BC38-D7459774C7E0}" type="pres">
      <dgm:prSet presAssocID="{D676C89E-E853-445A-B379-3E8DA10D1995}" presName="horz1" presStyleCnt="0"/>
      <dgm:spPr/>
    </dgm:pt>
    <dgm:pt modelId="{A9A6EC8C-DE9C-447D-8662-F3CCBF904042}" type="pres">
      <dgm:prSet presAssocID="{D676C89E-E853-445A-B379-3E8DA10D1995}" presName="tx1" presStyleLbl="revTx" presStyleIdx="11" presStyleCnt="15"/>
      <dgm:spPr/>
    </dgm:pt>
    <dgm:pt modelId="{2A20BFFE-7AAE-495D-AE2A-8948DAF0AB0B}" type="pres">
      <dgm:prSet presAssocID="{D676C89E-E853-445A-B379-3E8DA10D1995}" presName="vert1" presStyleCnt="0"/>
      <dgm:spPr/>
    </dgm:pt>
    <dgm:pt modelId="{E98A67C6-D96E-456F-B9EF-19DDA22E17AE}" type="pres">
      <dgm:prSet presAssocID="{453D747F-AE89-44E3-AB7D-AA73480730BD}" presName="thickLine" presStyleLbl="alignNode1" presStyleIdx="12" presStyleCnt="15"/>
      <dgm:spPr/>
    </dgm:pt>
    <dgm:pt modelId="{C699FD97-4EF4-47A9-8D62-202F877A538A}" type="pres">
      <dgm:prSet presAssocID="{453D747F-AE89-44E3-AB7D-AA73480730BD}" presName="horz1" presStyleCnt="0"/>
      <dgm:spPr/>
    </dgm:pt>
    <dgm:pt modelId="{C5967F35-1954-4C19-8402-1890563B2344}" type="pres">
      <dgm:prSet presAssocID="{453D747F-AE89-44E3-AB7D-AA73480730BD}" presName="tx1" presStyleLbl="revTx" presStyleIdx="12" presStyleCnt="15"/>
      <dgm:spPr/>
    </dgm:pt>
    <dgm:pt modelId="{22B2A361-BF9C-4851-A0CD-33CFF3BC9825}" type="pres">
      <dgm:prSet presAssocID="{453D747F-AE89-44E3-AB7D-AA73480730BD}" presName="vert1" presStyleCnt="0"/>
      <dgm:spPr/>
    </dgm:pt>
    <dgm:pt modelId="{4A69BA70-BE1A-4CF7-9A77-3AAB4AFD5577}" type="pres">
      <dgm:prSet presAssocID="{87EB73BF-06DA-46E0-B5E2-FBA9D279EE12}" presName="thickLine" presStyleLbl="alignNode1" presStyleIdx="13" presStyleCnt="15"/>
      <dgm:spPr/>
    </dgm:pt>
    <dgm:pt modelId="{03FEA05E-06C5-4AC7-97E5-6B7AC6D1B3C6}" type="pres">
      <dgm:prSet presAssocID="{87EB73BF-06DA-46E0-B5E2-FBA9D279EE12}" presName="horz1" presStyleCnt="0"/>
      <dgm:spPr/>
    </dgm:pt>
    <dgm:pt modelId="{CA3711F0-9FFE-465A-AAFD-AE2C3B030314}" type="pres">
      <dgm:prSet presAssocID="{87EB73BF-06DA-46E0-B5E2-FBA9D279EE12}" presName="tx1" presStyleLbl="revTx" presStyleIdx="13" presStyleCnt="15"/>
      <dgm:spPr/>
    </dgm:pt>
    <dgm:pt modelId="{0F96F69E-EA55-4292-8928-F03EDD83A125}" type="pres">
      <dgm:prSet presAssocID="{87EB73BF-06DA-46E0-B5E2-FBA9D279EE12}" presName="vert1" presStyleCnt="0"/>
      <dgm:spPr/>
    </dgm:pt>
    <dgm:pt modelId="{B48E8A64-5ECB-488B-8DCC-980ED942E4A2}" type="pres">
      <dgm:prSet presAssocID="{5A0F91FE-E788-465A-9966-529B3A9DD0C3}" presName="thickLine" presStyleLbl="alignNode1" presStyleIdx="14" presStyleCnt="15"/>
      <dgm:spPr/>
    </dgm:pt>
    <dgm:pt modelId="{7ABE6607-98A5-4158-B20B-BEB7F4F731BF}" type="pres">
      <dgm:prSet presAssocID="{5A0F91FE-E788-465A-9966-529B3A9DD0C3}" presName="horz1" presStyleCnt="0"/>
      <dgm:spPr/>
    </dgm:pt>
    <dgm:pt modelId="{CE689014-3007-48C7-9B6B-3A7F9FC2A303}" type="pres">
      <dgm:prSet presAssocID="{5A0F91FE-E788-465A-9966-529B3A9DD0C3}" presName="tx1" presStyleLbl="revTx" presStyleIdx="14" presStyleCnt="15"/>
      <dgm:spPr/>
    </dgm:pt>
    <dgm:pt modelId="{E913D50C-912A-4AF8-9656-E350C18E84BB}" type="pres">
      <dgm:prSet presAssocID="{5A0F91FE-E788-465A-9966-529B3A9DD0C3}" presName="vert1" presStyleCnt="0"/>
      <dgm:spPr/>
    </dgm:pt>
  </dgm:ptLst>
  <dgm:cxnLst>
    <dgm:cxn modelId="{13750C07-B999-42A8-844F-075DA3468D55}" type="presOf" srcId="{453D747F-AE89-44E3-AB7D-AA73480730BD}" destId="{C5967F35-1954-4C19-8402-1890563B2344}" srcOrd="0" destOrd="0" presId="urn:microsoft.com/office/officeart/2008/layout/LinedList"/>
    <dgm:cxn modelId="{1572570B-F909-4721-8587-D0E62E430868}" type="presOf" srcId="{A644552F-6456-452E-B469-D58AD626909B}" destId="{0BDC5ED3-B1BE-4116-9BDA-A049E2A5F7EE}" srcOrd="0" destOrd="0" presId="urn:microsoft.com/office/officeart/2008/layout/LinedList"/>
    <dgm:cxn modelId="{654B741C-4975-4152-A3C2-01CA1104CEB6}" type="presOf" srcId="{48673554-CA91-48CF-A75A-1C987B26F7BC}" destId="{AA0EE0D5-5D82-434C-B093-1230FF30B2A6}" srcOrd="0" destOrd="0" presId="urn:microsoft.com/office/officeart/2008/layout/LinedList"/>
    <dgm:cxn modelId="{8AA96B25-8E32-40D8-BDC3-B7F18A384A51}" type="presOf" srcId="{51359074-4663-4D75-9ED2-FD58ABB96A02}" destId="{CB450B6D-F5B6-44DA-AE9B-77DB97F1204B}" srcOrd="0" destOrd="0" presId="urn:microsoft.com/office/officeart/2008/layout/LinedList"/>
    <dgm:cxn modelId="{975EF92A-23F3-4C23-85F4-A862F0340B91}" type="presOf" srcId="{5A0F91FE-E788-465A-9966-529B3A9DD0C3}" destId="{CE689014-3007-48C7-9B6B-3A7F9FC2A303}" srcOrd="0" destOrd="0" presId="urn:microsoft.com/office/officeart/2008/layout/LinedList"/>
    <dgm:cxn modelId="{154D502C-708E-4E0F-A2EA-5698CEA186D6}" srcId="{646D8886-1D1A-4F97-84BA-F5402DB21F8F}" destId="{6D62CAE7-6DDB-4652-9312-8EF5D44C26EA}" srcOrd="0" destOrd="0" parTransId="{8C13A99C-370D-40F5-A586-DEBE839575EC}" sibTransId="{316D423D-FD92-4CF1-B68A-25857D2E3B6C}"/>
    <dgm:cxn modelId="{7DC63231-1207-4B7E-A36E-42DD64380D58}" type="presOf" srcId="{6D62CAE7-6DDB-4652-9312-8EF5D44C26EA}" destId="{F41079B5-236C-49B4-9140-6ED1283678B1}" srcOrd="0" destOrd="0" presId="urn:microsoft.com/office/officeart/2008/layout/LinedList"/>
    <dgm:cxn modelId="{86DB946C-941F-4170-931B-D2F4C2D72653}" type="presOf" srcId="{646D8886-1D1A-4F97-84BA-F5402DB21F8F}" destId="{FFFF93FE-34EF-4120-B6A1-2C09D15589B8}" srcOrd="0" destOrd="0" presId="urn:microsoft.com/office/officeart/2008/layout/LinedList"/>
    <dgm:cxn modelId="{F096736D-2779-4889-9399-B32AEC23A811}" type="presOf" srcId="{AAB760C7-B2AB-4E05-9A08-4D264B5E6AD6}" destId="{E3DBA0DD-D936-4B8A-928E-9F4100FF2E37}" srcOrd="0" destOrd="0" presId="urn:microsoft.com/office/officeart/2008/layout/LinedList"/>
    <dgm:cxn modelId="{CA181A50-C337-41B3-A09A-5CF9BFF0A26C}" type="presOf" srcId="{65BC569E-61F6-4E54-9FA3-7BC2B5704C7D}" destId="{944A2AFF-34B9-4843-A711-102202E39C8B}" srcOrd="0" destOrd="0" presId="urn:microsoft.com/office/officeart/2008/layout/LinedList"/>
    <dgm:cxn modelId="{59140D71-63EB-4F4B-99FB-BD09DFDA7C43}" type="presOf" srcId="{F0BCB40C-7440-47B8-B0C3-8054CBB0DA77}" destId="{CA1A7D58-9C3E-4F7F-8282-DA68B93D2A9B}" srcOrd="0" destOrd="0" presId="urn:microsoft.com/office/officeart/2008/layout/LinedList"/>
    <dgm:cxn modelId="{3E74FD51-A54C-4E39-88BA-72E57D09C08A}" srcId="{646D8886-1D1A-4F97-84BA-F5402DB21F8F}" destId="{51359074-4663-4D75-9ED2-FD58ABB96A02}" srcOrd="3" destOrd="0" parTransId="{A349AE95-2DC4-4BB1-9102-FE7D6179820B}" sibTransId="{873E04A9-3198-4391-AD49-A156327B9F05}"/>
    <dgm:cxn modelId="{316F5F56-B5F0-4B66-9BAC-D7D017012142}" type="presOf" srcId="{87EB73BF-06DA-46E0-B5E2-FBA9D279EE12}" destId="{CA3711F0-9FFE-465A-AAFD-AE2C3B030314}" srcOrd="0" destOrd="0" presId="urn:microsoft.com/office/officeart/2008/layout/LinedList"/>
    <dgm:cxn modelId="{1C3CB15A-C12C-4B68-987A-8179FBC58EEE}" type="presOf" srcId="{6C821878-69D0-4447-B3C0-6AE3078F5CC2}" destId="{5BCAD265-6306-4728-86CE-42AF14EA7162}" srcOrd="0" destOrd="0" presId="urn:microsoft.com/office/officeart/2008/layout/LinedList"/>
    <dgm:cxn modelId="{69F6767D-F025-4612-A46B-EF4305886F33}" srcId="{646D8886-1D1A-4F97-84BA-F5402DB21F8F}" destId="{F0BCB40C-7440-47B8-B0C3-8054CBB0DA77}" srcOrd="2" destOrd="0" parTransId="{7F79722D-DBC9-4CDC-8AEF-7FB278C44B1D}" sibTransId="{D8709873-C65A-48BD-8E7A-2D9AF7A5DC9E}"/>
    <dgm:cxn modelId="{F5621A94-5B93-46D0-9639-9589BCA3E448}" srcId="{646D8886-1D1A-4F97-84BA-F5402DB21F8F}" destId="{48673554-CA91-48CF-A75A-1C987B26F7BC}" srcOrd="9" destOrd="0" parTransId="{6FD20A88-79FC-4D0B-A6E5-545CC09827EA}" sibTransId="{3ADF6D35-0789-4786-945B-F19D5B81CE86}"/>
    <dgm:cxn modelId="{F73007A2-6FDF-4AD3-8AB2-BADC856ECC53}" srcId="{646D8886-1D1A-4F97-84BA-F5402DB21F8F}" destId="{FB6CA54D-4203-4999-ACE5-DEDA1EF3E4F8}" srcOrd="1" destOrd="0" parTransId="{811C69A3-21CF-4197-B8D8-14275A6CD6B6}" sibTransId="{9DE2A51B-3435-4170-AB74-069B80CB5C09}"/>
    <dgm:cxn modelId="{44AE2BA3-1DD1-4785-B47F-84505011AFE3}" srcId="{646D8886-1D1A-4F97-84BA-F5402DB21F8F}" destId="{A644552F-6456-452E-B469-D58AD626909B}" srcOrd="10" destOrd="0" parTransId="{89111D41-0E30-4614-9694-09609B84E904}" sibTransId="{72E007E6-BCE5-4FA3-BA43-BAD89ABC366A}"/>
    <dgm:cxn modelId="{3178E9B5-220B-4C40-915F-03780BF8C759}" srcId="{646D8886-1D1A-4F97-84BA-F5402DB21F8F}" destId="{D676C89E-E853-445A-B379-3E8DA10D1995}" srcOrd="11" destOrd="0" parTransId="{FBCCCE4C-0510-4C1A-B298-1CC391D223EC}" sibTransId="{2DCB702B-2C83-4754-8247-24C75D04C531}"/>
    <dgm:cxn modelId="{35CC1DBA-CD03-4A67-9B33-549014169430}" srcId="{646D8886-1D1A-4F97-84BA-F5402DB21F8F}" destId="{87EB73BF-06DA-46E0-B5E2-FBA9D279EE12}" srcOrd="13" destOrd="0" parTransId="{8199BB6C-3456-4432-8A8F-E485D44B2194}" sibTransId="{2B293F36-6E63-496B-8AA8-C3E925EC458B}"/>
    <dgm:cxn modelId="{FFD8F5C6-F759-4F5A-AC06-5A4DEEAF0040}" srcId="{646D8886-1D1A-4F97-84BA-F5402DB21F8F}" destId="{453D747F-AE89-44E3-AB7D-AA73480730BD}" srcOrd="12" destOrd="0" parTransId="{0262298B-2A2C-46FA-AAEA-042A695D1F67}" sibTransId="{6174720B-192F-4D5D-AD31-31573302EA36}"/>
    <dgm:cxn modelId="{F6F27EC7-648F-4D4F-848B-393236CB2F52}" srcId="{646D8886-1D1A-4F97-84BA-F5402DB21F8F}" destId="{A7E3A33F-A142-41A2-8E6C-27439BD13121}" srcOrd="8" destOrd="0" parTransId="{228CA6AF-2323-4C7D-A9FE-72D5026CCAE6}" sibTransId="{DEC9B1AE-1782-4DDA-8395-11EA7A2F9827}"/>
    <dgm:cxn modelId="{8CA091CD-7C04-4CEA-8E3A-5E2D00DD9AC1}" srcId="{646D8886-1D1A-4F97-84BA-F5402DB21F8F}" destId="{6C821878-69D0-4447-B3C0-6AE3078F5CC2}" srcOrd="5" destOrd="0" parTransId="{28B60448-DF95-4878-B88B-AFA15DB2D15E}" sibTransId="{CE20AA14-28B3-4BD1-AEA6-17859F7D3177}"/>
    <dgm:cxn modelId="{ABE0B9D5-8E82-4460-A987-4BFFE3F49296}" srcId="{646D8886-1D1A-4F97-84BA-F5402DB21F8F}" destId="{AAB760C7-B2AB-4E05-9A08-4D264B5E6AD6}" srcOrd="6" destOrd="0" parTransId="{E7B038A0-E5CB-42AB-90B7-186E7057900D}" sibTransId="{17C5950B-734F-4CA2-A88C-EF4A5ECE94AC}"/>
    <dgm:cxn modelId="{518E22DA-7604-4CAE-AD39-8A0037B24D7F}" type="presOf" srcId="{A7E3A33F-A142-41A2-8E6C-27439BD13121}" destId="{6B789390-F169-4425-9E1C-432D61D9EB15}" srcOrd="0" destOrd="0" presId="urn:microsoft.com/office/officeart/2008/layout/LinedList"/>
    <dgm:cxn modelId="{851509E2-2C4B-47C3-8C57-3F7169277ABB}" srcId="{646D8886-1D1A-4F97-84BA-F5402DB21F8F}" destId="{5A0F91FE-E788-465A-9966-529B3A9DD0C3}" srcOrd="14" destOrd="0" parTransId="{F621ED8A-C015-43FC-8DE0-CD1FB02831DF}" sibTransId="{F75422B0-15ED-4157-B96F-E76F66FB23B2}"/>
    <dgm:cxn modelId="{522A50F4-B48A-49B0-9995-5DA1BCE1D675}" type="presOf" srcId="{D676C89E-E853-445A-B379-3E8DA10D1995}" destId="{A9A6EC8C-DE9C-447D-8662-F3CCBF904042}" srcOrd="0" destOrd="0" presId="urn:microsoft.com/office/officeart/2008/layout/LinedList"/>
    <dgm:cxn modelId="{B6D2F7F4-A278-4777-A24A-D797DB49D63A}" srcId="{646D8886-1D1A-4F97-84BA-F5402DB21F8F}" destId="{65BC569E-61F6-4E54-9FA3-7BC2B5704C7D}" srcOrd="4" destOrd="0" parTransId="{4C2AC0B7-E564-4BA5-8F99-BF85C8820255}" sibTransId="{463E1D8E-885C-4C69-BA61-10636B4F7CD4}"/>
    <dgm:cxn modelId="{F6742FF7-BA56-4A10-9552-CBE6690D5109}" type="presOf" srcId="{FB6CA54D-4203-4999-ACE5-DEDA1EF3E4F8}" destId="{811E9EBA-9761-4410-8588-BA729FB10D36}" srcOrd="0" destOrd="0" presId="urn:microsoft.com/office/officeart/2008/layout/LinedList"/>
    <dgm:cxn modelId="{A310F2FD-197F-43EB-9909-04FF1F4B4AD2}" type="presOf" srcId="{05C93B2D-4A08-4028-9FB6-070D7E89A7BF}" destId="{93094431-DDAC-4152-839F-654AD96C6567}" srcOrd="0" destOrd="0" presId="urn:microsoft.com/office/officeart/2008/layout/LinedList"/>
    <dgm:cxn modelId="{963BCBFE-03FC-42BC-8488-FD35F010A636}" srcId="{646D8886-1D1A-4F97-84BA-F5402DB21F8F}" destId="{05C93B2D-4A08-4028-9FB6-070D7E89A7BF}" srcOrd="7" destOrd="0" parTransId="{619D6AE5-4495-4B86-8C76-0E38B67853CA}" sibTransId="{AA39B4F7-B228-46BA-86E2-8444A0B376AA}"/>
    <dgm:cxn modelId="{AE2A3930-FAE7-49BC-9527-3A6AC5950355}" type="presParOf" srcId="{FFFF93FE-34EF-4120-B6A1-2C09D15589B8}" destId="{AFD21FB1-8C2A-4D08-AF4E-939134BF80A6}" srcOrd="0" destOrd="0" presId="urn:microsoft.com/office/officeart/2008/layout/LinedList"/>
    <dgm:cxn modelId="{539CE9AD-6460-4CD1-A74F-6EB03D2BCA54}" type="presParOf" srcId="{FFFF93FE-34EF-4120-B6A1-2C09D15589B8}" destId="{750FA18C-4E37-4555-AF9E-C8C00AF6EE29}" srcOrd="1" destOrd="0" presId="urn:microsoft.com/office/officeart/2008/layout/LinedList"/>
    <dgm:cxn modelId="{73565109-F0AF-4689-AB56-DC046697AF9A}" type="presParOf" srcId="{750FA18C-4E37-4555-AF9E-C8C00AF6EE29}" destId="{F41079B5-236C-49B4-9140-6ED1283678B1}" srcOrd="0" destOrd="0" presId="urn:microsoft.com/office/officeart/2008/layout/LinedList"/>
    <dgm:cxn modelId="{5238EA14-3058-424E-B5EF-911F0DFCD73E}" type="presParOf" srcId="{750FA18C-4E37-4555-AF9E-C8C00AF6EE29}" destId="{8A9AFC34-CE73-4DFB-90F9-F57D747302A0}" srcOrd="1" destOrd="0" presId="urn:microsoft.com/office/officeart/2008/layout/LinedList"/>
    <dgm:cxn modelId="{7C3F55EF-4068-4E5B-A026-9B842A8B2C44}" type="presParOf" srcId="{FFFF93FE-34EF-4120-B6A1-2C09D15589B8}" destId="{CD58194D-9E9D-43DE-9FAA-C1E736F3A593}" srcOrd="2" destOrd="0" presId="urn:microsoft.com/office/officeart/2008/layout/LinedList"/>
    <dgm:cxn modelId="{E9DD614E-A797-4AD6-8D5F-0B0A9BADB000}" type="presParOf" srcId="{FFFF93FE-34EF-4120-B6A1-2C09D15589B8}" destId="{A721BD7F-EED2-490E-A7F2-E4C7C5240BDB}" srcOrd="3" destOrd="0" presId="urn:microsoft.com/office/officeart/2008/layout/LinedList"/>
    <dgm:cxn modelId="{3985B843-C6EC-41D8-8D84-12F0CABA3969}" type="presParOf" srcId="{A721BD7F-EED2-490E-A7F2-E4C7C5240BDB}" destId="{811E9EBA-9761-4410-8588-BA729FB10D36}" srcOrd="0" destOrd="0" presId="urn:microsoft.com/office/officeart/2008/layout/LinedList"/>
    <dgm:cxn modelId="{04FF0832-3EB9-4029-9711-9DF905699A92}" type="presParOf" srcId="{A721BD7F-EED2-490E-A7F2-E4C7C5240BDB}" destId="{3C358458-40BC-4AB6-8561-D4AC20F9246E}" srcOrd="1" destOrd="0" presId="urn:microsoft.com/office/officeart/2008/layout/LinedList"/>
    <dgm:cxn modelId="{7C09A048-8149-41B1-BBA1-E8B06A7C889F}" type="presParOf" srcId="{FFFF93FE-34EF-4120-B6A1-2C09D15589B8}" destId="{553B5655-8B3D-466C-BDF5-40B0F3E40A8F}" srcOrd="4" destOrd="0" presId="urn:microsoft.com/office/officeart/2008/layout/LinedList"/>
    <dgm:cxn modelId="{7024FA5F-3E34-42A3-A1F0-FD68787C7E56}" type="presParOf" srcId="{FFFF93FE-34EF-4120-B6A1-2C09D15589B8}" destId="{C20338AF-5CE2-4337-A7E7-4F82EE4ADA96}" srcOrd="5" destOrd="0" presId="urn:microsoft.com/office/officeart/2008/layout/LinedList"/>
    <dgm:cxn modelId="{ACFA2629-7D2B-43DE-B6D1-C1AE5C1749A9}" type="presParOf" srcId="{C20338AF-5CE2-4337-A7E7-4F82EE4ADA96}" destId="{CA1A7D58-9C3E-4F7F-8282-DA68B93D2A9B}" srcOrd="0" destOrd="0" presId="urn:microsoft.com/office/officeart/2008/layout/LinedList"/>
    <dgm:cxn modelId="{C689B582-398C-4040-861A-B6F9BAEB0AFD}" type="presParOf" srcId="{C20338AF-5CE2-4337-A7E7-4F82EE4ADA96}" destId="{F382DF06-3E4C-4244-9D7C-0C62C10B970F}" srcOrd="1" destOrd="0" presId="urn:microsoft.com/office/officeart/2008/layout/LinedList"/>
    <dgm:cxn modelId="{82BB05A4-C6AE-4537-B940-DE4EF69CA8E9}" type="presParOf" srcId="{FFFF93FE-34EF-4120-B6A1-2C09D15589B8}" destId="{8078BA9B-C951-4B48-B02B-D5DF657DC339}" srcOrd="6" destOrd="0" presId="urn:microsoft.com/office/officeart/2008/layout/LinedList"/>
    <dgm:cxn modelId="{B71CF850-89E0-49B5-B8D3-6C447C972A24}" type="presParOf" srcId="{FFFF93FE-34EF-4120-B6A1-2C09D15589B8}" destId="{471F0A8F-5F84-40E4-8674-593A2AED72F1}" srcOrd="7" destOrd="0" presId="urn:microsoft.com/office/officeart/2008/layout/LinedList"/>
    <dgm:cxn modelId="{B073CC81-63AF-4DAC-8EC0-2C4C84475A92}" type="presParOf" srcId="{471F0A8F-5F84-40E4-8674-593A2AED72F1}" destId="{CB450B6D-F5B6-44DA-AE9B-77DB97F1204B}" srcOrd="0" destOrd="0" presId="urn:microsoft.com/office/officeart/2008/layout/LinedList"/>
    <dgm:cxn modelId="{71D3AED7-68AA-4060-9033-D605DD12CA29}" type="presParOf" srcId="{471F0A8F-5F84-40E4-8674-593A2AED72F1}" destId="{50FF87A2-65C0-423B-852C-7BBBA3C96E3A}" srcOrd="1" destOrd="0" presId="urn:microsoft.com/office/officeart/2008/layout/LinedList"/>
    <dgm:cxn modelId="{03E8C929-A66D-4A1A-AC7E-314562467EE5}" type="presParOf" srcId="{FFFF93FE-34EF-4120-B6A1-2C09D15589B8}" destId="{AE475745-FB2B-47FA-A6BB-188083E4E01B}" srcOrd="8" destOrd="0" presId="urn:microsoft.com/office/officeart/2008/layout/LinedList"/>
    <dgm:cxn modelId="{A8D26E5F-F2AD-4C86-9085-474CBBC3A49F}" type="presParOf" srcId="{FFFF93FE-34EF-4120-B6A1-2C09D15589B8}" destId="{BB26C082-8EFF-4F85-9052-4FE29B12E869}" srcOrd="9" destOrd="0" presId="urn:microsoft.com/office/officeart/2008/layout/LinedList"/>
    <dgm:cxn modelId="{8CE99502-8A9D-4D56-8B9F-AFDA82B12601}" type="presParOf" srcId="{BB26C082-8EFF-4F85-9052-4FE29B12E869}" destId="{944A2AFF-34B9-4843-A711-102202E39C8B}" srcOrd="0" destOrd="0" presId="urn:microsoft.com/office/officeart/2008/layout/LinedList"/>
    <dgm:cxn modelId="{36E907D7-0D2D-490F-AC6B-346E77AEA294}" type="presParOf" srcId="{BB26C082-8EFF-4F85-9052-4FE29B12E869}" destId="{0DB63E20-3ECC-4ACE-AF32-D52B22CE7F26}" srcOrd="1" destOrd="0" presId="urn:microsoft.com/office/officeart/2008/layout/LinedList"/>
    <dgm:cxn modelId="{97220536-AC9F-47D5-9D67-200D1994F3B4}" type="presParOf" srcId="{FFFF93FE-34EF-4120-B6A1-2C09D15589B8}" destId="{AAE4E699-0652-4EE7-A831-8544192DC726}" srcOrd="10" destOrd="0" presId="urn:microsoft.com/office/officeart/2008/layout/LinedList"/>
    <dgm:cxn modelId="{8798075E-1399-41B5-A9EC-5350F2BE2957}" type="presParOf" srcId="{FFFF93FE-34EF-4120-B6A1-2C09D15589B8}" destId="{C0E24647-7B93-489B-95C6-024F4FA8DFAF}" srcOrd="11" destOrd="0" presId="urn:microsoft.com/office/officeart/2008/layout/LinedList"/>
    <dgm:cxn modelId="{6BC6FD4A-5C66-44E4-A146-E8E0AC00AD8C}" type="presParOf" srcId="{C0E24647-7B93-489B-95C6-024F4FA8DFAF}" destId="{5BCAD265-6306-4728-86CE-42AF14EA7162}" srcOrd="0" destOrd="0" presId="urn:microsoft.com/office/officeart/2008/layout/LinedList"/>
    <dgm:cxn modelId="{64A0E5A3-6B33-4059-820E-BED81A623A03}" type="presParOf" srcId="{C0E24647-7B93-489B-95C6-024F4FA8DFAF}" destId="{172CD783-88BB-4F29-86F0-F76A503A3645}" srcOrd="1" destOrd="0" presId="urn:microsoft.com/office/officeart/2008/layout/LinedList"/>
    <dgm:cxn modelId="{48EA8864-577B-48BA-8C76-916CE78BCC35}" type="presParOf" srcId="{FFFF93FE-34EF-4120-B6A1-2C09D15589B8}" destId="{784240C4-A0CA-4009-B6AE-D514A72246A5}" srcOrd="12" destOrd="0" presId="urn:microsoft.com/office/officeart/2008/layout/LinedList"/>
    <dgm:cxn modelId="{E404FCDF-9777-4DF3-8D19-E983D9A6B07A}" type="presParOf" srcId="{FFFF93FE-34EF-4120-B6A1-2C09D15589B8}" destId="{2919C5AC-F27E-4BA5-A185-610FC724E3C9}" srcOrd="13" destOrd="0" presId="urn:microsoft.com/office/officeart/2008/layout/LinedList"/>
    <dgm:cxn modelId="{B3F0DAEA-D362-4191-9F8E-F0E9A0BCE2B7}" type="presParOf" srcId="{2919C5AC-F27E-4BA5-A185-610FC724E3C9}" destId="{E3DBA0DD-D936-4B8A-928E-9F4100FF2E37}" srcOrd="0" destOrd="0" presId="urn:microsoft.com/office/officeart/2008/layout/LinedList"/>
    <dgm:cxn modelId="{60E39366-2986-4D3D-8096-4DF7D4129D5C}" type="presParOf" srcId="{2919C5AC-F27E-4BA5-A185-610FC724E3C9}" destId="{1B6FD853-9E7D-4A24-AA66-93F31A4E1B25}" srcOrd="1" destOrd="0" presId="urn:microsoft.com/office/officeart/2008/layout/LinedList"/>
    <dgm:cxn modelId="{765C1851-5679-4CC2-AABE-DADA498EB618}" type="presParOf" srcId="{FFFF93FE-34EF-4120-B6A1-2C09D15589B8}" destId="{1754A26E-E162-462C-BF41-968F8E4EFD97}" srcOrd="14" destOrd="0" presId="urn:microsoft.com/office/officeart/2008/layout/LinedList"/>
    <dgm:cxn modelId="{FB394E9A-5C1A-4469-89B8-70A72AF681E6}" type="presParOf" srcId="{FFFF93FE-34EF-4120-B6A1-2C09D15589B8}" destId="{D6D8AD05-D4E5-46E2-A6AF-693B688FCD66}" srcOrd="15" destOrd="0" presId="urn:microsoft.com/office/officeart/2008/layout/LinedList"/>
    <dgm:cxn modelId="{8E5798DF-ABF0-4D0F-813D-28022F428A4E}" type="presParOf" srcId="{D6D8AD05-D4E5-46E2-A6AF-693B688FCD66}" destId="{93094431-DDAC-4152-839F-654AD96C6567}" srcOrd="0" destOrd="0" presId="urn:microsoft.com/office/officeart/2008/layout/LinedList"/>
    <dgm:cxn modelId="{4A7941F2-F41B-4180-AE43-8F5E5728FE76}" type="presParOf" srcId="{D6D8AD05-D4E5-46E2-A6AF-693B688FCD66}" destId="{518B29F8-21C0-47C0-86D1-646CA5AB038A}" srcOrd="1" destOrd="0" presId="urn:microsoft.com/office/officeart/2008/layout/LinedList"/>
    <dgm:cxn modelId="{D349384D-88E6-4BB4-8D4C-64167250BB3A}" type="presParOf" srcId="{FFFF93FE-34EF-4120-B6A1-2C09D15589B8}" destId="{64231FE0-42A8-46F6-B0EF-4EB8FB967F09}" srcOrd="16" destOrd="0" presId="urn:microsoft.com/office/officeart/2008/layout/LinedList"/>
    <dgm:cxn modelId="{79DFD129-A9B5-44B2-B26F-27E117DBBCDC}" type="presParOf" srcId="{FFFF93FE-34EF-4120-B6A1-2C09D15589B8}" destId="{B69DB523-798D-40B6-ACEE-C720633AB838}" srcOrd="17" destOrd="0" presId="urn:microsoft.com/office/officeart/2008/layout/LinedList"/>
    <dgm:cxn modelId="{1C26C111-7E74-4F4E-80CD-6A673C69CD2D}" type="presParOf" srcId="{B69DB523-798D-40B6-ACEE-C720633AB838}" destId="{6B789390-F169-4425-9E1C-432D61D9EB15}" srcOrd="0" destOrd="0" presId="urn:microsoft.com/office/officeart/2008/layout/LinedList"/>
    <dgm:cxn modelId="{90CC721A-C335-4CC7-9B74-33330B031293}" type="presParOf" srcId="{B69DB523-798D-40B6-ACEE-C720633AB838}" destId="{DC11D1FA-9666-424B-9CD1-CCBDE52C8E27}" srcOrd="1" destOrd="0" presId="urn:microsoft.com/office/officeart/2008/layout/LinedList"/>
    <dgm:cxn modelId="{79A95F93-F7DE-486F-8BF4-F280A3EA8935}" type="presParOf" srcId="{FFFF93FE-34EF-4120-B6A1-2C09D15589B8}" destId="{3190B1E9-418E-41EF-99AC-681F1164A061}" srcOrd="18" destOrd="0" presId="urn:microsoft.com/office/officeart/2008/layout/LinedList"/>
    <dgm:cxn modelId="{1AF61C42-5595-4E7E-9706-F46913FF7C11}" type="presParOf" srcId="{FFFF93FE-34EF-4120-B6A1-2C09D15589B8}" destId="{FA7DB4AF-D21D-4B20-86D4-E613E228E9ED}" srcOrd="19" destOrd="0" presId="urn:microsoft.com/office/officeart/2008/layout/LinedList"/>
    <dgm:cxn modelId="{57191887-BAF4-4EB9-831D-F5785FB86AB7}" type="presParOf" srcId="{FA7DB4AF-D21D-4B20-86D4-E613E228E9ED}" destId="{AA0EE0D5-5D82-434C-B093-1230FF30B2A6}" srcOrd="0" destOrd="0" presId="urn:microsoft.com/office/officeart/2008/layout/LinedList"/>
    <dgm:cxn modelId="{59C8DAA5-532A-4BF2-A93A-690BD70C7310}" type="presParOf" srcId="{FA7DB4AF-D21D-4B20-86D4-E613E228E9ED}" destId="{CC212E4B-1EE2-4F61-AA2A-EC9042F4EED2}" srcOrd="1" destOrd="0" presId="urn:microsoft.com/office/officeart/2008/layout/LinedList"/>
    <dgm:cxn modelId="{A7601121-8217-48CE-BB23-44B4815CDF35}" type="presParOf" srcId="{FFFF93FE-34EF-4120-B6A1-2C09D15589B8}" destId="{6237B9CD-4EF6-4EA8-9D3C-37F6470AB3D8}" srcOrd="20" destOrd="0" presId="urn:microsoft.com/office/officeart/2008/layout/LinedList"/>
    <dgm:cxn modelId="{917D2F9C-EDAC-47DB-8B8E-45F4F30A7EBC}" type="presParOf" srcId="{FFFF93FE-34EF-4120-B6A1-2C09D15589B8}" destId="{0536B920-D3A9-46C1-AEC0-312A1777D8AA}" srcOrd="21" destOrd="0" presId="urn:microsoft.com/office/officeart/2008/layout/LinedList"/>
    <dgm:cxn modelId="{678BB05D-A48E-44AA-850E-EB2F2D8F0AE8}" type="presParOf" srcId="{0536B920-D3A9-46C1-AEC0-312A1777D8AA}" destId="{0BDC5ED3-B1BE-4116-9BDA-A049E2A5F7EE}" srcOrd="0" destOrd="0" presId="urn:microsoft.com/office/officeart/2008/layout/LinedList"/>
    <dgm:cxn modelId="{DED3019D-848A-451B-BFBD-0B11EB226A7F}" type="presParOf" srcId="{0536B920-D3A9-46C1-AEC0-312A1777D8AA}" destId="{A6A663F1-C1B8-404D-998B-80742EEFFF1A}" srcOrd="1" destOrd="0" presId="urn:microsoft.com/office/officeart/2008/layout/LinedList"/>
    <dgm:cxn modelId="{F4169AA1-9CFE-43E6-AEF5-03112DF704F8}" type="presParOf" srcId="{FFFF93FE-34EF-4120-B6A1-2C09D15589B8}" destId="{3B92DFE1-ACB0-4A3D-B400-544D87208994}" srcOrd="22" destOrd="0" presId="urn:microsoft.com/office/officeart/2008/layout/LinedList"/>
    <dgm:cxn modelId="{22B79C5D-8D32-476F-A4CE-D147553B4721}" type="presParOf" srcId="{FFFF93FE-34EF-4120-B6A1-2C09D15589B8}" destId="{DE3BB802-4299-4E01-BC38-D7459774C7E0}" srcOrd="23" destOrd="0" presId="urn:microsoft.com/office/officeart/2008/layout/LinedList"/>
    <dgm:cxn modelId="{3C6799FD-AC7D-4170-BD47-31A843E58C04}" type="presParOf" srcId="{DE3BB802-4299-4E01-BC38-D7459774C7E0}" destId="{A9A6EC8C-DE9C-447D-8662-F3CCBF904042}" srcOrd="0" destOrd="0" presId="urn:microsoft.com/office/officeart/2008/layout/LinedList"/>
    <dgm:cxn modelId="{92EE4FD7-50E7-4394-8062-3B31077CEA0B}" type="presParOf" srcId="{DE3BB802-4299-4E01-BC38-D7459774C7E0}" destId="{2A20BFFE-7AAE-495D-AE2A-8948DAF0AB0B}" srcOrd="1" destOrd="0" presId="urn:microsoft.com/office/officeart/2008/layout/LinedList"/>
    <dgm:cxn modelId="{BBC40570-8B90-48C3-B52C-8626C3D7730C}" type="presParOf" srcId="{FFFF93FE-34EF-4120-B6A1-2C09D15589B8}" destId="{E98A67C6-D96E-456F-B9EF-19DDA22E17AE}" srcOrd="24" destOrd="0" presId="urn:microsoft.com/office/officeart/2008/layout/LinedList"/>
    <dgm:cxn modelId="{774EA5C3-D28C-46BB-9514-B86AE522A8F7}" type="presParOf" srcId="{FFFF93FE-34EF-4120-B6A1-2C09D15589B8}" destId="{C699FD97-4EF4-47A9-8D62-202F877A538A}" srcOrd="25" destOrd="0" presId="urn:microsoft.com/office/officeart/2008/layout/LinedList"/>
    <dgm:cxn modelId="{1DFBB1E5-D9D9-4304-B021-870288282465}" type="presParOf" srcId="{C699FD97-4EF4-47A9-8D62-202F877A538A}" destId="{C5967F35-1954-4C19-8402-1890563B2344}" srcOrd="0" destOrd="0" presId="urn:microsoft.com/office/officeart/2008/layout/LinedList"/>
    <dgm:cxn modelId="{974594A7-C6A4-413F-9827-ADEB255572ED}" type="presParOf" srcId="{C699FD97-4EF4-47A9-8D62-202F877A538A}" destId="{22B2A361-BF9C-4851-A0CD-33CFF3BC9825}" srcOrd="1" destOrd="0" presId="urn:microsoft.com/office/officeart/2008/layout/LinedList"/>
    <dgm:cxn modelId="{66D23809-1EF3-4809-8137-B0E922EE50FF}" type="presParOf" srcId="{FFFF93FE-34EF-4120-B6A1-2C09D15589B8}" destId="{4A69BA70-BE1A-4CF7-9A77-3AAB4AFD5577}" srcOrd="26" destOrd="0" presId="urn:microsoft.com/office/officeart/2008/layout/LinedList"/>
    <dgm:cxn modelId="{CF5AE2EC-E0A9-458A-9F86-94CD626EC7BD}" type="presParOf" srcId="{FFFF93FE-34EF-4120-B6A1-2C09D15589B8}" destId="{03FEA05E-06C5-4AC7-97E5-6B7AC6D1B3C6}" srcOrd="27" destOrd="0" presId="urn:microsoft.com/office/officeart/2008/layout/LinedList"/>
    <dgm:cxn modelId="{6B6AB393-41EF-4C56-98AB-59CEAB2FD719}" type="presParOf" srcId="{03FEA05E-06C5-4AC7-97E5-6B7AC6D1B3C6}" destId="{CA3711F0-9FFE-465A-AAFD-AE2C3B030314}" srcOrd="0" destOrd="0" presId="urn:microsoft.com/office/officeart/2008/layout/LinedList"/>
    <dgm:cxn modelId="{225C0CA1-E37D-4072-9C91-42802E2A62C3}" type="presParOf" srcId="{03FEA05E-06C5-4AC7-97E5-6B7AC6D1B3C6}" destId="{0F96F69E-EA55-4292-8928-F03EDD83A125}" srcOrd="1" destOrd="0" presId="urn:microsoft.com/office/officeart/2008/layout/LinedList"/>
    <dgm:cxn modelId="{B2FE1E89-796D-4251-89E2-F7C8B4EE0797}" type="presParOf" srcId="{FFFF93FE-34EF-4120-B6A1-2C09D15589B8}" destId="{B48E8A64-5ECB-488B-8DCC-980ED942E4A2}" srcOrd="28" destOrd="0" presId="urn:microsoft.com/office/officeart/2008/layout/LinedList"/>
    <dgm:cxn modelId="{67FB9B4A-F5E2-44F5-92C5-3FD2483C6A1C}" type="presParOf" srcId="{FFFF93FE-34EF-4120-B6A1-2C09D15589B8}" destId="{7ABE6607-98A5-4158-B20B-BEB7F4F731BF}" srcOrd="29" destOrd="0" presId="urn:microsoft.com/office/officeart/2008/layout/LinedList"/>
    <dgm:cxn modelId="{7684159A-3DB1-4FDF-A316-442402457668}" type="presParOf" srcId="{7ABE6607-98A5-4158-B20B-BEB7F4F731BF}" destId="{CE689014-3007-48C7-9B6B-3A7F9FC2A303}" srcOrd="0" destOrd="0" presId="urn:microsoft.com/office/officeart/2008/layout/LinedList"/>
    <dgm:cxn modelId="{110E3447-C36C-4FB5-B987-0456C8CD36BF}" type="presParOf" srcId="{7ABE6607-98A5-4158-B20B-BEB7F4F731BF}" destId="{E913D50C-912A-4AF8-9656-E350C18E84BB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646D8886-1D1A-4F97-84BA-F5402DB21F8F}" type="doc">
      <dgm:prSet loTypeId="urn:microsoft.com/office/officeart/2008/layout/LinedLis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4D9A0738-FCBF-4731-AAC4-368F8514A249}">
      <dgm:prSet custT="1"/>
      <dgm:spPr/>
      <dgm:t>
        <a:bodyPr/>
        <a:lstStyle/>
        <a:p>
          <a:r>
            <a:rPr lang="en-US" sz="1400" b="1" i="0" u="none" strike="noStrike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Non-Functional Requirements</a:t>
          </a:r>
          <a:endParaRPr lang="en-US" sz="1400" b="0" i="0" u="none" strike="noStrike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gm:t>
    </dgm:pt>
    <dgm:pt modelId="{3FBDC128-05AC-4DF3-99FB-C76123EC2399}" type="parTrans" cxnId="{EE67C327-2407-4254-9D24-1A2719421126}">
      <dgm:prSet/>
      <dgm:spPr/>
      <dgm:t>
        <a:bodyPr/>
        <a:lstStyle/>
        <a:p>
          <a:endParaRPr lang="en-US"/>
        </a:p>
      </dgm:t>
    </dgm:pt>
    <dgm:pt modelId="{3447F7B8-9F91-4C29-B283-E9A261E039F4}" type="sibTrans" cxnId="{EE67C327-2407-4254-9D24-1A2719421126}">
      <dgm:prSet/>
      <dgm:spPr/>
      <dgm:t>
        <a:bodyPr/>
        <a:lstStyle/>
        <a:p>
          <a:endParaRPr lang="en-US"/>
        </a:p>
      </dgm:t>
    </dgm:pt>
    <dgm:pt modelId="{D5247C6B-3246-4E2E-A377-EF4E69E181FF}">
      <dgm:prSet custT="1"/>
      <dgm:spPr/>
      <dgm:t>
        <a:bodyPr/>
        <a:lstStyle/>
        <a:p>
          <a:r>
            <a:rPr lang="en-US" sz="1400" i="1" u="none" strike="noStrike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Data requirement</a:t>
          </a:r>
          <a:endParaRPr lang="en-US" sz="1400" i="0" u="none" strike="noStrike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gm:t>
    </dgm:pt>
    <dgm:pt modelId="{D8734259-87F2-480B-A170-78510DBFA489}" type="parTrans" cxnId="{9C50D339-D279-48C8-B97E-AA013B611E58}">
      <dgm:prSet/>
      <dgm:spPr/>
      <dgm:t>
        <a:bodyPr/>
        <a:lstStyle/>
        <a:p>
          <a:endParaRPr lang="en-US"/>
        </a:p>
      </dgm:t>
    </dgm:pt>
    <dgm:pt modelId="{96F2AC97-4A13-4B30-AA1D-196DAD780EAE}" type="sibTrans" cxnId="{9C50D339-D279-48C8-B97E-AA013B611E58}">
      <dgm:prSet/>
      <dgm:spPr/>
      <dgm:t>
        <a:bodyPr/>
        <a:lstStyle/>
        <a:p>
          <a:endParaRPr lang="en-US"/>
        </a:p>
      </dgm:t>
    </dgm:pt>
    <dgm:pt modelId="{83C7677D-B252-4EFC-BCB3-083036C454CE}">
      <dgm:prSet custT="1"/>
      <dgm:spPr/>
      <dgm:t>
        <a:bodyPr/>
        <a:lstStyle/>
        <a:p>
          <a:r>
            <a:rPr lang="en-US" sz="1400" i="1" u="none" strike="noStrike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Compatibility</a:t>
          </a:r>
          <a:endParaRPr lang="en-US" sz="1400" i="0" u="none" strike="noStrike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gm:t>
    </dgm:pt>
    <dgm:pt modelId="{FA6BFBC0-7837-4A2C-A7CC-CC2CE786155C}" type="parTrans" cxnId="{6D09C75F-0AA5-4EB7-A85E-3C6B37CFF188}">
      <dgm:prSet/>
      <dgm:spPr/>
      <dgm:t>
        <a:bodyPr/>
        <a:lstStyle/>
        <a:p>
          <a:endParaRPr lang="en-US"/>
        </a:p>
      </dgm:t>
    </dgm:pt>
    <dgm:pt modelId="{5FD3BB68-E94E-4B7E-BA4F-A1E5B19FA7AF}" type="sibTrans" cxnId="{6D09C75F-0AA5-4EB7-A85E-3C6B37CFF188}">
      <dgm:prSet/>
      <dgm:spPr/>
      <dgm:t>
        <a:bodyPr/>
        <a:lstStyle/>
        <a:p>
          <a:endParaRPr lang="en-US"/>
        </a:p>
      </dgm:t>
    </dgm:pt>
    <dgm:pt modelId="{EBC8A454-2B5A-4BBD-81E7-7377F8665851}">
      <dgm:prSet custT="1"/>
      <dgm:spPr/>
      <dgm:t>
        <a:bodyPr/>
        <a:lstStyle/>
        <a:p>
          <a:r>
            <a:rPr lang="en-US" sz="1400" i="1" u="none" strike="noStrike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User interface</a:t>
          </a:r>
          <a:endParaRPr lang="en-US" sz="1400" i="0" u="none" strike="noStrike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gm:t>
    </dgm:pt>
    <dgm:pt modelId="{67785EC4-6D1D-4B12-BC3A-8AA90A78C808}" type="parTrans" cxnId="{BD81C058-28C1-41DB-B2BA-D162F18F9A44}">
      <dgm:prSet/>
      <dgm:spPr/>
      <dgm:t>
        <a:bodyPr/>
        <a:lstStyle/>
        <a:p>
          <a:endParaRPr lang="en-US"/>
        </a:p>
      </dgm:t>
    </dgm:pt>
    <dgm:pt modelId="{7DE6118D-C30E-4CDD-8833-8B13934261B5}" type="sibTrans" cxnId="{BD81C058-28C1-41DB-B2BA-D162F18F9A44}">
      <dgm:prSet/>
      <dgm:spPr/>
      <dgm:t>
        <a:bodyPr/>
        <a:lstStyle/>
        <a:p>
          <a:endParaRPr lang="en-US"/>
        </a:p>
      </dgm:t>
    </dgm:pt>
    <dgm:pt modelId="{E4CACBCB-B93E-4B39-9FB2-8018CE67A726}">
      <dgm:prSet custT="1"/>
      <dgm:spPr/>
      <dgm:t>
        <a:bodyPr/>
        <a:lstStyle/>
        <a:p>
          <a:r>
            <a:rPr lang="en-US" sz="1400" i="1" u="none" strike="noStrike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Security</a:t>
          </a:r>
          <a:endParaRPr lang="en-US" sz="1400" i="0" u="none" strike="noStrike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gm:t>
    </dgm:pt>
    <dgm:pt modelId="{50CDE9AE-F922-4900-B38E-C2E5570FD486}" type="parTrans" cxnId="{C2D6DD36-56B8-462F-8282-6E4162DB14A8}">
      <dgm:prSet/>
      <dgm:spPr/>
      <dgm:t>
        <a:bodyPr/>
        <a:lstStyle/>
        <a:p>
          <a:endParaRPr lang="en-US"/>
        </a:p>
      </dgm:t>
    </dgm:pt>
    <dgm:pt modelId="{3E55C2AF-7BAA-4190-9AC6-C4311707D806}" type="sibTrans" cxnId="{C2D6DD36-56B8-462F-8282-6E4162DB14A8}">
      <dgm:prSet/>
      <dgm:spPr/>
      <dgm:t>
        <a:bodyPr/>
        <a:lstStyle/>
        <a:p>
          <a:endParaRPr lang="en-US"/>
        </a:p>
      </dgm:t>
    </dgm:pt>
    <dgm:pt modelId="{2C7CE7DC-924E-4B0A-B204-D2CF7D82946C}">
      <dgm:prSet custT="1"/>
      <dgm:spPr/>
      <dgm:t>
        <a:bodyPr/>
        <a:lstStyle/>
        <a:p>
          <a:r>
            <a:rPr lang="en-US" sz="1400" i="1" u="none" strike="noStrike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Reliable</a:t>
          </a:r>
          <a:endParaRPr lang="en-US" sz="1400" i="0" u="none" strike="noStrike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gm:t>
    </dgm:pt>
    <dgm:pt modelId="{386C6A1F-8D84-4DED-8A77-EF504ED00396}" type="parTrans" cxnId="{9E581EDF-5D60-4A9A-AB1E-0DA1FA88DA79}">
      <dgm:prSet/>
      <dgm:spPr/>
      <dgm:t>
        <a:bodyPr/>
        <a:lstStyle/>
        <a:p>
          <a:endParaRPr lang="en-US"/>
        </a:p>
      </dgm:t>
    </dgm:pt>
    <dgm:pt modelId="{87EAE26B-9F89-495C-B24A-666776EE742F}" type="sibTrans" cxnId="{9E581EDF-5D60-4A9A-AB1E-0DA1FA88DA79}">
      <dgm:prSet/>
      <dgm:spPr/>
      <dgm:t>
        <a:bodyPr/>
        <a:lstStyle/>
        <a:p>
          <a:endParaRPr lang="en-US"/>
        </a:p>
      </dgm:t>
    </dgm:pt>
    <dgm:pt modelId="{3D712633-91E0-4160-B63A-C3ED218F2134}">
      <dgm:prSet custT="1"/>
      <dgm:spPr/>
      <dgm:t>
        <a:bodyPr/>
        <a:lstStyle/>
        <a:p>
          <a:r>
            <a:rPr lang="en-US" sz="1400" i="1" u="none" strike="noStrike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Availability</a:t>
          </a:r>
          <a:endParaRPr lang="en-US" sz="1400" i="0" u="none" strike="noStrike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gm:t>
    </dgm:pt>
    <dgm:pt modelId="{087B1499-BCA4-42D5-B072-02037C20BAC2}" type="parTrans" cxnId="{316E0E2F-FC6B-4605-B376-37259EF36DA0}">
      <dgm:prSet/>
      <dgm:spPr/>
      <dgm:t>
        <a:bodyPr/>
        <a:lstStyle/>
        <a:p>
          <a:endParaRPr lang="en-US"/>
        </a:p>
      </dgm:t>
    </dgm:pt>
    <dgm:pt modelId="{5FD98292-5A39-41DA-9CF4-5FA1F36BC6DC}" type="sibTrans" cxnId="{316E0E2F-FC6B-4605-B376-37259EF36DA0}">
      <dgm:prSet/>
      <dgm:spPr/>
      <dgm:t>
        <a:bodyPr/>
        <a:lstStyle/>
        <a:p>
          <a:endParaRPr lang="en-US"/>
        </a:p>
      </dgm:t>
    </dgm:pt>
    <dgm:pt modelId="{C62E517F-31A3-41E6-8B50-F2CB92228522}">
      <dgm:prSet custT="1"/>
      <dgm:spPr/>
      <dgm:t>
        <a:bodyPr/>
        <a:lstStyle/>
        <a:p>
          <a:r>
            <a:rPr lang="en-US" sz="1400" i="1" u="none" strike="noStrike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Latency</a:t>
          </a:r>
          <a:endParaRPr lang="en-US" sz="1400" i="0" u="none" strike="noStrike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gm:t>
    </dgm:pt>
    <dgm:pt modelId="{BD446222-356E-495F-9C5B-79EFB6984632}" type="parTrans" cxnId="{9D151514-F9B9-484D-BBBF-D8805FFF9BAB}">
      <dgm:prSet/>
      <dgm:spPr/>
      <dgm:t>
        <a:bodyPr/>
        <a:lstStyle/>
        <a:p>
          <a:endParaRPr lang="en-US"/>
        </a:p>
      </dgm:t>
    </dgm:pt>
    <dgm:pt modelId="{FF3B369E-E6AB-46E8-8968-03D6B1A3789B}" type="sibTrans" cxnId="{9D151514-F9B9-484D-BBBF-D8805FFF9BAB}">
      <dgm:prSet/>
      <dgm:spPr/>
      <dgm:t>
        <a:bodyPr/>
        <a:lstStyle/>
        <a:p>
          <a:endParaRPr lang="en-US"/>
        </a:p>
      </dgm:t>
    </dgm:pt>
    <dgm:pt modelId="{055DD1D8-E61F-43E0-9144-1CB70A7C5A3C}">
      <dgm:prSet custT="1"/>
      <dgm:spPr/>
      <dgm:t>
        <a:bodyPr/>
        <a:lstStyle/>
        <a:p>
          <a:r>
            <a:rPr lang="en-US" sz="1400" i="1" u="none" strike="noStrike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Testability</a:t>
          </a:r>
          <a:endParaRPr lang="en-US" sz="1400" i="0" u="none" strike="noStrike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gm:t>
    </dgm:pt>
    <dgm:pt modelId="{0C2B1266-893C-4122-9879-EFF0B56647FA}" type="parTrans" cxnId="{41C0D7EC-A539-4DC1-BB9E-EB0D38DCBDD4}">
      <dgm:prSet/>
      <dgm:spPr/>
      <dgm:t>
        <a:bodyPr/>
        <a:lstStyle/>
        <a:p>
          <a:endParaRPr lang="en-US"/>
        </a:p>
      </dgm:t>
    </dgm:pt>
    <dgm:pt modelId="{C6A79B63-5E5D-4A29-8B4F-BEAC5C0C8860}" type="sibTrans" cxnId="{41C0D7EC-A539-4DC1-BB9E-EB0D38DCBDD4}">
      <dgm:prSet/>
      <dgm:spPr/>
      <dgm:t>
        <a:bodyPr/>
        <a:lstStyle/>
        <a:p>
          <a:endParaRPr lang="en-US"/>
        </a:p>
      </dgm:t>
    </dgm:pt>
    <dgm:pt modelId="{FFFF93FE-34EF-4120-B6A1-2C09D15589B8}" type="pres">
      <dgm:prSet presAssocID="{646D8886-1D1A-4F97-84BA-F5402DB21F8F}" presName="vert0" presStyleCnt="0">
        <dgm:presLayoutVars>
          <dgm:dir/>
          <dgm:animOne val="branch"/>
          <dgm:animLvl val="lvl"/>
        </dgm:presLayoutVars>
      </dgm:prSet>
      <dgm:spPr/>
    </dgm:pt>
    <dgm:pt modelId="{1950C2FA-630D-45C9-86A2-9B8B073B128C}" type="pres">
      <dgm:prSet presAssocID="{4D9A0738-FCBF-4731-AAC4-368F8514A249}" presName="thickLine" presStyleLbl="alignNode1" presStyleIdx="0" presStyleCnt="9"/>
      <dgm:spPr/>
    </dgm:pt>
    <dgm:pt modelId="{B034B800-7531-4AE3-B359-852FD9179DD6}" type="pres">
      <dgm:prSet presAssocID="{4D9A0738-FCBF-4731-AAC4-368F8514A249}" presName="horz1" presStyleCnt="0"/>
      <dgm:spPr/>
    </dgm:pt>
    <dgm:pt modelId="{6AB1AB03-8EBA-4319-AB1E-B9716BE6B9CA}" type="pres">
      <dgm:prSet presAssocID="{4D9A0738-FCBF-4731-AAC4-368F8514A249}" presName="tx1" presStyleLbl="revTx" presStyleIdx="0" presStyleCnt="9"/>
      <dgm:spPr/>
    </dgm:pt>
    <dgm:pt modelId="{D20F5C08-7250-47B3-8769-A1B2F18B3892}" type="pres">
      <dgm:prSet presAssocID="{4D9A0738-FCBF-4731-AAC4-368F8514A249}" presName="vert1" presStyleCnt="0"/>
      <dgm:spPr/>
    </dgm:pt>
    <dgm:pt modelId="{D47F646A-8F8D-4FC0-8B9F-CB0F7227E5A8}" type="pres">
      <dgm:prSet presAssocID="{D5247C6B-3246-4E2E-A377-EF4E69E181FF}" presName="thickLine" presStyleLbl="alignNode1" presStyleIdx="1" presStyleCnt="9"/>
      <dgm:spPr/>
    </dgm:pt>
    <dgm:pt modelId="{F16CBEBD-91A4-4480-AF25-4DCD4ADA8D58}" type="pres">
      <dgm:prSet presAssocID="{D5247C6B-3246-4E2E-A377-EF4E69E181FF}" presName="horz1" presStyleCnt="0"/>
      <dgm:spPr/>
    </dgm:pt>
    <dgm:pt modelId="{E1ADCFC7-C7C5-4B38-8A75-15C1A95A5BBD}" type="pres">
      <dgm:prSet presAssocID="{D5247C6B-3246-4E2E-A377-EF4E69E181FF}" presName="tx1" presStyleLbl="revTx" presStyleIdx="1" presStyleCnt="9"/>
      <dgm:spPr/>
    </dgm:pt>
    <dgm:pt modelId="{69047F3E-788E-466F-9EB5-CDBA5A2D78FA}" type="pres">
      <dgm:prSet presAssocID="{D5247C6B-3246-4E2E-A377-EF4E69E181FF}" presName="vert1" presStyleCnt="0"/>
      <dgm:spPr/>
    </dgm:pt>
    <dgm:pt modelId="{A1A58DB5-11A5-46EE-825B-FEEE5E6F98CD}" type="pres">
      <dgm:prSet presAssocID="{83C7677D-B252-4EFC-BCB3-083036C454CE}" presName="thickLine" presStyleLbl="alignNode1" presStyleIdx="2" presStyleCnt="9"/>
      <dgm:spPr/>
    </dgm:pt>
    <dgm:pt modelId="{2981829A-73BB-43E3-A43F-26FD83C58ADA}" type="pres">
      <dgm:prSet presAssocID="{83C7677D-B252-4EFC-BCB3-083036C454CE}" presName="horz1" presStyleCnt="0"/>
      <dgm:spPr/>
    </dgm:pt>
    <dgm:pt modelId="{F41C686F-FCB6-41CF-A41A-F6D3CD16D90E}" type="pres">
      <dgm:prSet presAssocID="{83C7677D-B252-4EFC-BCB3-083036C454CE}" presName="tx1" presStyleLbl="revTx" presStyleIdx="2" presStyleCnt="9"/>
      <dgm:spPr/>
    </dgm:pt>
    <dgm:pt modelId="{7CBF4F37-EFAF-48E6-B1DF-BA5F07751803}" type="pres">
      <dgm:prSet presAssocID="{83C7677D-B252-4EFC-BCB3-083036C454CE}" presName="vert1" presStyleCnt="0"/>
      <dgm:spPr/>
    </dgm:pt>
    <dgm:pt modelId="{63EBF749-46EF-4C67-83A4-E3E3E3897C01}" type="pres">
      <dgm:prSet presAssocID="{EBC8A454-2B5A-4BBD-81E7-7377F8665851}" presName="thickLine" presStyleLbl="alignNode1" presStyleIdx="3" presStyleCnt="9"/>
      <dgm:spPr/>
    </dgm:pt>
    <dgm:pt modelId="{48B0147A-7A65-4423-BE0A-6741322E1E37}" type="pres">
      <dgm:prSet presAssocID="{EBC8A454-2B5A-4BBD-81E7-7377F8665851}" presName="horz1" presStyleCnt="0"/>
      <dgm:spPr/>
    </dgm:pt>
    <dgm:pt modelId="{6FD53FAE-C750-4BAD-9950-4BDE46196E23}" type="pres">
      <dgm:prSet presAssocID="{EBC8A454-2B5A-4BBD-81E7-7377F8665851}" presName="tx1" presStyleLbl="revTx" presStyleIdx="3" presStyleCnt="9"/>
      <dgm:spPr/>
    </dgm:pt>
    <dgm:pt modelId="{B66F42DD-A928-4F2D-B8E3-F3444AA028FA}" type="pres">
      <dgm:prSet presAssocID="{EBC8A454-2B5A-4BBD-81E7-7377F8665851}" presName="vert1" presStyleCnt="0"/>
      <dgm:spPr/>
    </dgm:pt>
    <dgm:pt modelId="{0197BA05-A567-43DD-832E-84A8B9030EB4}" type="pres">
      <dgm:prSet presAssocID="{E4CACBCB-B93E-4B39-9FB2-8018CE67A726}" presName="thickLine" presStyleLbl="alignNode1" presStyleIdx="4" presStyleCnt="9"/>
      <dgm:spPr/>
    </dgm:pt>
    <dgm:pt modelId="{21BE4114-659D-4312-ADEE-AE970DE5B58E}" type="pres">
      <dgm:prSet presAssocID="{E4CACBCB-B93E-4B39-9FB2-8018CE67A726}" presName="horz1" presStyleCnt="0"/>
      <dgm:spPr/>
    </dgm:pt>
    <dgm:pt modelId="{39625643-46A6-4BD9-B391-B26EFE0AD231}" type="pres">
      <dgm:prSet presAssocID="{E4CACBCB-B93E-4B39-9FB2-8018CE67A726}" presName="tx1" presStyleLbl="revTx" presStyleIdx="4" presStyleCnt="9"/>
      <dgm:spPr/>
    </dgm:pt>
    <dgm:pt modelId="{374AD21E-34BF-4CB0-837E-6AF6F7410F5C}" type="pres">
      <dgm:prSet presAssocID="{E4CACBCB-B93E-4B39-9FB2-8018CE67A726}" presName="vert1" presStyleCnt="0"/>
      <dgm:spPr/>
    </dgm:pt>
    <dgm:pt modelId="{AAC023EB-0306-4851-A137-29555862F580}" type="pres">
      <dgm:prSet presAssocID="{2C7CE7DC-924E-4B0A-B204-D2CF7D82946C}" presName="thickLine" presStyleLbl="alignNode1" presStyleIdx="5" presStyleCnt="9"/>
      <dgm:spPr/>
    </dgm:pt>
    <dgm:pt modelId="{4E5604E4-995C-4753-A837-B657AF3C3BAD}" type="pres">
      <dgm:prSet presAssocID="{2C7CE7DC-924E-4B0A-B204-D2CF7D82946C}" presName="horz1" presStyleCnt="0"/>
      <dgm:spPr/>
    </dgm:pt>
    <dgm:pt modelId="{89E17118-B94D-4A11-B975-82CF2DF1C5FE}" type="pres">
      <dgm:prSet presAssocID="{2C7CE7DC-924E-4B0A-B204-D2CF7D82946C}" presName="tx1" presStyleLbl="revTx" presStyleIdx="5" presStyleCnt="9"/>
      <dgm:spPr/>
    </dgm:pt>
    <dgm:pt modelId="{7600E663-1940-457A-9060-B140A0A74F2C}" type="pres">
      <dgm:prSet presAssocID="{2C7CE7DC-924E-4B0A-B204-D2CF7D82946C}" presName="vert1" presStyleCnt="0"/>
      <dgm:spPr/>
    </dgm:pt>
    <dgm:pt modelId="{5D190C65-DB78-4BFA-B806-5B6BFA277C42}" type="pres">
      <dgm:prSet presAssocID="{3D712633-91E0-4160-B63A-C3ED218F2134}" presName="thickLine" presStyleLbl="alignNode1" presStyleIdx="6" presStyleCnt="9"/>
      <dgm:spPr/>
    </dgm:pt>
    <dgm:pt modelId="{1020E60E-DA2C-4193-8697-DB6648D24531}" type="pres">
      <dgm:prSet presAssocID="{3D712633-91E0-4160-B63A-C3ED218F2134}" presName="horz1" presStyleCnt="0"/>
      <dgm:spPr/>
    </dgm:pt>
    <dgm:pt modelId="{F822073E-8670-4DAA-881A-500134A45808}" type="pres">
      <dgm:prSet presAssocID="{3D712633-91E0-4160-B63A-C3ED218F2134}" presName="tx1" presStyleLbl="revTx" presStyleIdx="6" presStyleCnt="9"/>
      <dgm:spPr/>
    </dgm:pt>
    <dgm:pt modelId="{728D7CB6-A7AC-4D70-84EC-57A2C007BECD}" type="pres">
      <dgm:prSet presAssocID="{3D712633-91E0-4160-B63A-C3ED218F2134}" presName="vert1" presStyleCnt="0"/>
      <dgm:spPr/>
    </dgm:pt>
    <dgm:pt modelId="{61054A85-3A97-43C0-90CC-BB448B2D1F36}" type="pres">
      <dgm:prSet presAssocID="{C62E517F-31A3-41E6-8B50-F2CB92228522}" presName="thickLine" presStyleLbl="alignNode1" presStyleIdx="7" presStyleCnt="9"/>
      <dgm:spPr/>
    </dgm:pt>
    <dgm:pt modelId="{A376173C-3949-4479-87D0-86B50307E9F0}" type="pres">
      <dgm:prSet presAssocID="{C62E517F-31A3-41E6-8B50-F2CB92228522}" presName="horz1" presStyleCnt="0"/>
      <dgm:spPr/>
    </dgm:pt>
    <dgm:pt modelId="{EFA7DCCC-4E93-4B67-98DB-E7713BCF4778}" type="pres">
      <dgm:prSet presAssocID="{C62E517F-31A3-41E6-8B50-F2CB92228522}" presName="tx1" presStyleLbl="revTx" presStyleIdx="7" presStyleCnt="9"/>
      <dgm:spPr/>
    </dgm:pt>
    <dgm:pt modelId="{7C8E8AE2-E15D-4C76-A056-08B99A10B5E1}" type="pres">
      <dgm:prSet presAssocID="{C62E517F-31A3-41E6-8B50-F2CB92228522}" presName="vert1" presStyleCnt="0"/>
      <dgm:spPr/>
    </dgm:pt>
    <dgm:pt modelId="{BCF52661-F569-4781-B0AC-E6DD47BDD072}" type="pres">
      <dgm:prSet presAssocID="{055DD1D8-E61F-43E0-9144-1CB70A7C5A3C}" presName="thickLine" presStyleLbl="alignNode1" presStyleIdx="8" presStyleCnt="9"/>
      <dgm:spPr/>
    </dgm:pt>
    <dgm:pt modelId="{00E8A5A7-706D-4117-B561-AA32C3F2096D}" type="pres">
      <dgm:prSet presAssocID="{055DD1D8-E61F-43E0-9144-1CB70A7C5A3C}" presName="horz1" presStyleCnt="0"/>
      <dgm:spPr/>
    </dgm:pt>
    <dgm:pt modelId="{433E1F72-7A05-4370-AD37-50A3D246F0BD}" type="pres">
      <dgm:prSet presAssocID="{055DD1D8-E61F-43E0-9144-1CB70A7C5A3C}" presName="tx1" presStyleLbl="revTx" presStyleIdx="8" presStyleCnt="9"/>
      <dgm:spPr/>
    </dgm:pt>
    <dgm:pt modelId="{A00BA397-20E9-48B2-86E1-FF47F6B75C2A}" type="pres">
      <dgm:prSet presAssocID="{055DD1D8-E61F-43E0-9144-1CB70A7C5A3C}" presName="vert1" presStyleCnt="0"/>
      <dgm:spPr/>
    </dgm:pt>
  </dgm:ptLst>
  <dgm:cxnLst>
    <dgm:cxn modelId="{9D151514-F9B9-484D-BBBF-D8805FFF9BAB}" srcId="{646D8886-1D1A-4F97-84BA-F5402DB21F8F}" destId="{C62E517F-31A3-41E6-8B50-F2CB92228522}" srcOrd="7" destOrd="0" parTransId="{BD446222-356E-495F-9C5B-79EFB6984632}" sibTransId="{FF3B369E-E6AB-46E8-8968-03D6B1A3789B}"/>
    <dgm:cxn modelId="{58641026-7864-44F1-A4D4-97A4C05756F3}" type="presOf" srcId="{4D9A0738-FCBF-4731-AAC4-368F8514A249}" destId="{6AB1AB03-8EBA-4319-AB1E-B9716BE6B9CA}" srcOrd="0" destOrd="0" presId="urn:microsoft.com/office/officeart/2008/layout/LinedList"/>
    <dgm:cxn modelId="{EE67C327-2407-4254-9D24-1A2719421126}" srcId="{646D8886-1D1A-4F97-84BA-F5402DB21F8F}" destId="{4D9A0738-FCBF-4731-AAC4-368F8514A249}" srcOrd="0" destOrd="0" parTransId="{3FBDC128-05AC-4DF3-99FB-C76123EC2399}" sibTransId="{3447F7B8-9F91-4C29-B283-E9A261E039F4}"/>
    <dgm:cxn modelId="{316E0E2F-FC6B-4605-B376-37259EF36DA0}" srcId="{646D8886-1D1A-4F97-84BA-F5402DB21F8F}" destId="{3D712633-91E0-4160-B63A-C3ED218F2134}" srcOrd="6" destOrd="0" parTransId="{087B1499-BCA4-42D5-B072-02037C20BAC2}" sibTransId="{5FD98292-5A39-41DA-9CF4-5FA1F36BC6DC}"/>
    <dgm:cxn modelId="{C2D6DD36-56B8-462F-8282-6E4162DB14A8}" srcId="{646D8886-1D1A-4F97-84BA-F5402DB21F8F}" destId="{E4CACBCB-B93E-4B39-9FB2-8018CE67A726}" srcOrd="4" destOrd="0" parTransId="{50CDE9AE-F922-4900-B38E-C2E5570FD486}" sibTransId="{3E55C2AF-7BAA-4190-9AC6-C4311707D806}"/>
    <dgm:cxn modelId="{30815439-2D46-400B-A50D-173BB2D59177}" type="presOf" srcId="{3D712633-91E0-4160-B63A-C3ED218F2134}" destId="{F822073E-8670-4DAA-881A-500134A45808}" srcOrd="0" destOrd="0" presId="urn:microsoft.com/office/officeart/2008/layout/LinedList"/>
    <dgm:cxn modelId="{9C50D339-D279-48C8-B97E-AA013B611E58}" srcId="{646D8886-1D1A-4F97-84BA-F5402DB21F8F}" destId="{D5247C6B-3246-4E2E-A377-EF4E69E181FF}" srcOrd="1" destOrd="0" parTransId="{D8734259-87F2-480B-A170-78510DBFA489}" sibTransId="{96F2AC97-4A13-4B30-AA1D-196DAD780EAE}"/>
    <dgm:cxn modelId="{6D09C75F-0AA5-4EB7-A85E-3C6B37CFF188}" srcId="{646D8886-1D1A-4F97-84BA-F5402DB21F8F}" destId="{83C7677D-B252-4EFC-BCB3-083036C454CE}" srcOrd="2" destOrd="0" parTransId="{FA6BFBC0-7837-4A2C-A7CC-CC2CE786155C}" sibTransId="{5FD3BB68-E94E-4B7E-BA4F-A1E5B19FA7AF}"/>
    <dgm:cxn modelId="{5D385C61-70CA-4DD4-9414-B2B32AC6CB55}" type="presOf" srcId="{D5247C6B-3246-4E2E-A377-EF4E69E181FF}" destId="{E1ADCFC7-C7C5-4B38-8A75-15C1A95A5BBD}" srcOrd="0" destOrd="0" presId="urn:microsoft.com/office/officeart/2008/layout/LinedList"/>
    <dgm:cxn modelId="{BEB6B06A-65F6-4CE2-B72C-CFD6DA451307}" type="presOf" srcId="{EBC8A454-2B5A-4BBD-81E7-7377F8665851}" destId="{6FD53FAE-C750-4BAD-9950-4BDE46196E23}" srcOrd="0" destOrd="0" presId="urn:microsoft.com/office/officeart/2008/layout/LinedList"/>
    <dgm:cxn modelId="{86DB946C-941F-4170-931B-D2F4C2D72653}" type="presOf" srcId="{646D8886-1D1A-4F97-84BA-F5402DB21F8F}" destId="{FFFF93FE-34EF-4120-B6A1-2C09D15589B8}" srcOrd="0" destOrd="0" presId="urn:microsoft.com/office/officeart/2008/layout/LinedList"/>
    <dgm:cxn modelId="{D16AB66F-09D8-4865-8A31-8234A86BB35B}" type="presOf" srcId="{C62E517F-31A3-41E6-8B50-F2CB92228522}" destId="{EFA7DCCC-4E93-4B67-98DB-E7713BCF4778}" srcOrd="0" destOrd="0" presId="urn:microsoft.com/office/officeart/2008/layout/LinedList"/>
    <dgm:cxn modelId="{68498358-6F5B-45B3-87AB-48BA42D7A792}" type="presOf" srcId="{055DD1D8-E61F-43E0-9144-1CB70A7C5A3C}" destId="{433E1F72-7A05-4370-AD37-50A3D246F0BD}" srcOrd="0" destOrd="0" presId="urn:microsoft.com/office/officeart/2008/layout/LinedList"/>
    <dgm:cxn modelId="{BD81C058-28C1-41DB-B2BA-D162F18F9A44}" srcId="{646D8886-1D1A-4F97-84BA-F5402DB21F8F}" destId="{EBC8A454-2B5A-4BBD-81E7-7377F8665851}" srcOrd="3" destOrd="0" parTransId="{67785EC4-6D1D-4B12-BC3A-8AA90A78C808}" sibTransId="{7DE6118D-C30E-4CDD-8833-8B13934261B5}"/>
    <dgm:cxn modelId="{9B48FE96-D5D6-408C-94C4-F806C3A304BE}" type="presOf" srcId="{83C7677D-B252-4EFC-BCB3-083036C454CE}" destId="{F41C686F-FCB6-41CF-A41A-F6D3CD16D90E}" srcOrd="0" destOrd="0" presId="urn:microsoft.com/office/officeart/2008/layout/LinedList"/>
    <dgm:cxn modelId="{3E4AADB7-A1AE-4910-88FC-4AF5383F245F}" type="presOf" srcId="{2C7CE7DC-924E-4B0A-B204-D2CF7D82946C}" destId="{89E17118-B94D-4A11-B975-82CF2DF1C5FE}" srcOrd="0" destOrd="0" presId="urn:microsoft.com/office/officeart/2008/layout/LinedList"/>
    <dgm:cxn modelId="{A9714DC1-6146-4D44-84C0-B36044EB99C1}" type="presOf" srcId="{E4CACBCB-B93E-4B39-9FB2-8018CE67A726}" destId="{39625643-46A6-4BD9-B391-B26EFE0AD231}" srcOrd="0" destOrd="0" presId="urn:microsoft.com/office/officeart/2008/layout/LinedList"/>
    <dgm:cxn modelId="{9E581EDF-5D60-4A9A-AB1E-0DA1FA88DA79}" srcId="{646D8886-1D1A-4F97-84BA-F5402DB21F8F}" destId="{2C7CE7DC-924E-4B0A-B204-D2CF7D82946C}" srcOrd="5" destOrd="0" parTransId="{386C6A1F-8D84-4DED-8A77-EF504ED00396}" sibTransId="{87EAE26B-9F89-495C-B24A-666776EE742F}"/>
    <dgm:cxn modelId="{41C0D7EC-A539-4DC1-BB9E-EB0D38DCBDD4}" srcId="{646D8886-1D1A-4F97-84BA-F5402DB21F8F}" destId="{055DD1D8-E61F-43E0-9144-1CB70A7C5A3C}" srcOrd="8" destOrd="0" parTransId="{0C2B1266-893C-4122-9879-EFF0B56647FA}" sibTransId="{C6A79B63-5E5D-4A29-8B4F-BEAC5C0C8860}"/>
    <dgm:cxn modelId="{B6A3CBA5-ACD4-4204-B11D-14AB3EB9AC88}" type="presParOf" srcId="{FFFF93FE-34EF-4120-B6A1-2C09D15589B8}" destId="{1950C2FA-630D-45C9-86A2-9B8B073B128C}" srcOrd="0" destOrd="0" presId="urn:microsoft.com/office/officeart/2008/layout/LinedList"/>
    <dgm:cxn modelId="{BEF12317-6FB1-49A1-B992-B9E28D3E68B8}" type="presParOf" srcId="{FFFF93FE-34EF-4120-B6A1-2C09D15589B8}" destId="{B034B800-7531-4AE3-B359-852FD9179DD6}" srcOrd="1" destOrd="0" presId="urn:microsoft.com/office/officeart/2008/layout/LinedList"/>
    <dgm:cxn modelId="{F532C336-4638-4A3C-8F56-EFE42CEF2600}" type="presParOf" srcId="{B034B800-7531-4AE3-B359-852FD9179DD6}" destId="{6AB1AB03-8EBA-4319-AB1E-B9716BE6B9CA}" srcOrd="0" destOrd="0" presId="urn:microsoft.com/office/officeart/2008/layout/LinedList"/>
    <dgm:cxn modelId="{ACD56797-0009-4BCE-8740-57D7E270914F}" type="presParOf" srcId="{B034B800-7531-4AE3-B359-852FD9179DD6}" destId="{D20F5C08-7250-47B3-8769-A1B2F18B3892}" srcOrd="1" destOrd="0" presId="urn:microsoft.com/office/officeart/2008/layout/LinedList"/>
    <dgm:cxn modelId="{1819F7C2-40BD-415A-A7BB-F0614A6ADC57}" type="presParOf" srcId="{FFFF93FE-34EF-4120-B6A1-2C09D15589B8}" destId="{D47F646A-8F8D-4FC0-8B9F-CB0F7227E5A8}" srcOrd="2" destOrd="0" presId="urn:microsoft.com/office/officeart/2008/layout/LinedList"/>
    <dgm:cxn modelId="{D5F527FE-2726-4AA3-877D-EC0526650A77}" type="presParOf" srcId="{FFFF93FE-34EF-4120-B6A1-2C09D15589B8}" destId="{F16CBEBD-91A4-4480-AF25-4DCD4ADA8D58}" srcOrd="3" destOrd="0" presId="urn:microsoft.com/office/officeart/2008/layout/LinedList"/>
    <dgm:cxn modelId="{90E389CC-86A6-429C-B3BE-1B985335E28F}" type="presParOf" srcId="{F16CBEBD-91A4-4480-AF25-4DCD4ADA8D58}" destId="{E1ADCFC7-C7C5-4B38-8A75-15C1A95A5BBD}" srcOrd="0" destOrd="0" presId="urn:microsoft.com/office/officeart/2008/layout/LinedList"/>
    <dgm:cxn modelId="{503F5598-F0BC-4267-A6F8-15C30D787A37}" type="presParOf" srcId="{F16CBEBD-91A4-4480-AF25-4DCD4ADA8D58}" destId="{69047F3E-788E-466F-9EB5-CDBA5A2D78FA}" srcOrd="1" destOrd="0" presId="urn:microsoft.com/office/officeart/2008/layout/LinedList"/>
    <dgm:cxn modelId="{00514CB7-1ABD-4D29-B788-404017C55D43}" type="presParOf" srcId="{FFFF93FE-34EF-4120-B6A1-2C09D15589B8}" destId="{A1A58DB5-11A5-46EE-825B-FEEE5E6F98CD}" srcOrd="4" destOrd="0" presId="urn:microsoft.com/office/officeart/2008/layout/LinedList"/>
    <dgm:cxn modelId="{D5EDA568-D32E-475F-B413-45023A1BE098}" type="presParOf" srcId="{FFFF93FE-34EF-4120-B6A1-2C09D15589B8}" destId="{2981829A-73BB-43E3-A43F-26FD83C58ADA}" srcOrd="5" destOrd="0" presId="urn:microsoft.com/office/officeart/2008/layout/LinedList"/>
    <dgm:cxn modelId="{DDC3B700-A98A-453C-B41D-72D189636BF1}" type="presParOf" srcId="{2981829A-73BB-43E3-A43F-26FD83C58ADA}" destId="{F41C686F-FCB6-41CF-A41A-F6D3CD16D90E}" srcOrd="0" destOrd="0" presId="urn:microsoft.com/office/officeart/2008/layout/LinedList"/>
    <dgm:cxn modelId="{C5AD09C4-EBBC-4724-AB0C-9FAF0D5744D1}" type="presParOf" srcId="{2981829A-73BB-43E3-A43F-26FD83C58ADA}" destId="{7CBF4F37-EFAF-48E6-B1DF-BA5F07751803}" srcOrd="1" destOrd="0" presId="urn:microsoft.com/office/officeart/2008/layout/LinedList"/>
    <dgm:cxn modelId="{3478300A-CE1B-43B8-A9B1-117ECF3104E4}" type="presParOf" srcId="{FFFF93FE-34EF-4120-B6A1-2C09D15589B8}" destId="{63EBF749-46EF-4C67-83A4-E3E3E3897C01}" srcOrd="6" destOrd="0" presId="urn:microsoft.com/office/officeart/2008/layout/LinedList"/>
    <dgm:cxn modelId="{3C0084DC-A551-4099-BE57-24593E7308D8}" type="presParOf" srcId="{FFFF93FE-34EF-4120-B6A1-2C09D15589B8}" destId="{48B0147A-7A65-4423-BE0A-6741322E1E37}" srcOrd="7" destOrd="0" presId="urn:microsoft.com/office/officeart/2008/layout/LinedList"/>
    <dgm:cxn modelId="{186BA02C-EC1E-4393-AECC-3A00E5EF8DE7}" type="presParOf" srcId="{48B0147A-7A65-4423-BE0A-6741322E1E37}" destId="{6FD53FAE-C750-4BAD-9950-4BDE46196E23}" srcOrd="0" destOrd="0" presId="urn:microsoft.com/office/officeart/2008/layout/LinedList"/>
    <dgm:cxn modelId="{A9355A3E-42E4-478F-AC4B-9F95514E9608}" type="presParOf" srcId="{48B0147A-7A65-4423-BE0A-6741322E1E37}" destId="{B66F42DD-A928-4F2D-B8E3-F3444AA028FA}" srcOrd="1" destOrd="0" presId="urn:microsoft.com/office/officeart/2008/layout/LinedList"/>
    <dgm:cxn modelId="{B386D3C8-8513-452C-BDCB-642A6E4C85B1}" type="presParOf" srcId="{FFFF93FE-34EF-4120-B6A1-2C09D15589B8}" destId="{0197BA05-A567-43DD-832E-84A8B9030EB4}" srcOrd="8" destOrd="0" presId="urn:microsoft.com/office/officeart/2008/layout/LinedList"/>
    <dgm:cxn modelId="{1D3419B8-D179-45C9-B727-45B8D952EA09}" type="presParOf" srcId="{FFFF93FE-34EF-4120-B6A1-2C09D15589B8}" destId="{21BE4114-659D-4312-ADEE-AE970DE5B58E}" srcOrd="9" destOrd="0" presId="urn:microsoft.com/office/officeart/2008/layout/LinedList"/>
    <dgm:cxn modelId="{D06586AA-4EDF-47F0-A604-0946086A425F}" type="presParOf" srcId="{21BE4114-659D-4312-ADEE-AE970DE5B58E}" destId="{39625643-46A6-4BD9-B391-B26EFE0AD231}" srcOrd="0" destOrd="0" presId="urn:microsoft.com/office/officeart/2008/layout/LinedList"/>
    <dgm:cxn modelId="{9771C008-096F-4344-87A6-B5DBDF5C9375}" type="presParOf" srcId="{21BE4114-659D-4312-ADEE-AE970DE5B58E}" destId="{374AD21E-34BF-4CB0-837E-6AF6F7410F5C}" srcOrd="1" destOrd="0" presId="urn:microsoft.com/office/officeart/2008/layout/LinedList"/>
    <dgm:cxn modelId="{96C36C73-792A-44B4-80AD-6F928A710C82}" type="presParOf" srcId="{FFFF93FE-34EF-4120-B6A1-2C09D15589B8}" destId="{AAC023EB-0306-4851-A137-29555862F580}" srcOrd="10" destOrd="0" presId="urn:microsoft.com/office/officeart/2008/layout/LinedList"/>
    <dgm:cxn modelId="{8385A4F3-A30D-413B-87B4-FCB672AC3634}" type="presParOf" srcId="{FFFF93FE-34EF-4120-B6A1-2C09D15589B8}" destId="{4E5604E4-995C-4753-A837-B657AF3C3BAD}" srcOrd="11" destOrd="0" presId="urn:microsoft.com/office/officeart/2008/layout/LinedList"/>
    <dgm:cxn modelId="{84C155E7-D361-4599-983C-27F602C67AC9}" type="presParOf" srcId="{4E5604E4-995C-4753-A837-B657AF3C3BAD}" destId="{89E17118-B94D-4A11-B975-82CF2DF1C5FE}" srcOrd="0" destOrd="0" presId="urn:microsoft.com/office/officeart/2008/layout/LinedList"/>
    <dgm:cxn modelId="{8543508F-EE64-4EBA-B833-56AF0FC8A32B}" type="presParOf" srcId="{4E5604E4-995C-4753-A837-B657AF3C3BAD}" destId="{7600E663-1940-457A-9060-B140A0A74F2C}" srcOrd="1" destOrd="0" presId="urn:microsoft.com/office/officeart/2008/layout/LinedList"/>
    <dgm:cxn modelId="{9ECA5C2D-D187-4D7A-A1CA-E17FBD44D977}" type="presParOf" srcId="{FFFF93FE-34EF-4120-B6A1-2C09D15589B8}" destId="{5D190C65-DB78-4BFA-B806-5B6BFA277C42}" srcOrd="12" destOrd="0" presId="urn:microsoft.com/office/officeart/2008/layout/LinedList"/>
    <dgm:cxn modelId="{5A594E8A-07FB-4D92-8B87-EA3C1BF076AC}" type="presParOf" srcId="{FFFF93FE-34EF-4120-B6A1-2C09D15589B8}" destId="{1020E60E-DA2C-4193-8697-DB6648D24531}" srcOrd="13" destOrd="0" presId="urn:microsoft.com/office/officeart/2008/layout/LinedList"/>
    <dgm:cxn modelId="{271C5C42-995B-414C-8CCE-569E46AD25A6}" type="presParOf" srcId="{1020E60E-DA2C-4193-8697-DB6648D24531}" destId="{F822073E-8670-4DAA-881A-500134A45808}" srcOrd="0" destOrd="0" presId="urn:microsoft.com/office/officeart/2008/layout/LinedList"/>
    <dgm:cxn modelId="{7F8F847A-8E23-42B2-A1C7-CAAC9006717B}" type="presParOf" srcId="{1020E60E-DA2C-4193-8697-DB6648D24531}" destId="{728D7CB6-A7AC-4D70-84EC-57A2C007BECD}" srcOrd="1" destOrd="0" presId="urn:microsoft.com/office/officeart/2008/layout/LinedList"/>
    <dgm:cxn modelId="{A1A39560-CC9E-4A11-AD2B-9F1BA9087E00}" type="presParOf" srcId="{FFFF93FE-34EF-4120-B6A1-2C09D15589B8}" destId="{61054A85-3A97-43C0-90CC-BB448B2D1F36}" srcOrd="14" destOrd="0" presId="urn:microsoft.com/office/officeart/2008/layout/LinedList"/>
    <dgm:cxn modelId="{7DA678BA-DA86-46F8-A436-1025943EE966}" type="presParOf" srcId="{FFFF93FE-34EF-4120-B6A1-2C09D15589B8}" destId="{A376173C-3949-4479-87D0-86B50307E9F0}" srcOrd="15" destOrd="0" presId="urn:microsoft.com/office/officeart/2008/layout/LinedList"/>
    <dgm:cxn modelId="{E5E3D36E-7CC6-4706-B494-3A940F8C41BB}" type="presParOf" srcId="{A376173C-3949-4479-87D0-86B50307E9F0}" destId="{EFA7DCCC-4E93-4B67-98DB-E7713BCF4778}" srcOrd="0" destOrd="0" presId="urn:microsoft.com/office/officeart/2008/layout/LinedList"/>
    <dgm:cxn modelId="{D007EBE8-C476-44DE-A7DA-63811193EB7D}" type="presParOf" srcId="{A376173C-3949-4479-87D0-86B50307E9F0}" destId="{7C8E8AE2-E15D-4C76-A056-08B99A10B5E1}" srcOrd="1" destOrd="0" presId="urn:microsoft.com/office/officeart/2008/layout/LinedList"/>
    <dgm:cxn modelId="{C720B72D-00E0-47ED-8FBB-64E5A8DD3E3A}" type="presParOf" srcId="{FFFF93FE-34EF-4120-B6A1-2C09D15589B8}" destId="{BCF52661-F569-4781-B0AC-E6DD47BDD072}" srcOrd="16" destOrd="0" presId="urn:microsoft.com/office/officeart/2008/layout/LinedList"/>
    <dgm:cxn modelId="{A4077B06-1E5E-4BFA-B8E1-4968D3F2C5E7}" type="presParOf" srcId="{FFFF93FE-34EF-4120-B6A1-2C09D15589B8}" destId="{00E8A5A7-706D-4117-B561-AA32C3F2096D}" srcOrd="17" destOrd="0" presId="urn:microsoft.com/office/officeart/2008/layout/LinedList"/>
    <dgm:cxn modelId="{C258EF79-8C72-425B-AAC9-D8512CE7F7B8}" type="presParOf" srcId="{00E8A5A7-706D-4117-B561-AA32C3F2096D}" destId="{433E1F72-7A05-4370-AD37-50A3D246F0BD}" srcOrd="0" destOrd="0" presId="urn:microsoft.com/office/officeart/2008/layout/LinedList"/>
    <dgm:cxn modelId="{CE60F056-2D37-41C5-BD19-97FF78C6D5FA}" type="presParOf" srcId="{00E8A5A7-706D-4117-B561-AA32C3F2096D}" destId="{A00BA397-20E9-48B2-86E1-FF47F6B75C2A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13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98E33D2-30D1-44BF-AFCF-7F82E1953B66}">
      <dsp:nvSpPr>
        <dsp:cNvPr id="0" name=""/>
        <dsp:cNvSpPr/>
      </dsp:nvSpPr>
      <dsp:spPr>
        <a:xfrm>
          <a:off x="0" y="0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2C4F92DE-9207-4E23-8FF1-FBE8DE8C7168}">
      <dsp:nvSpPr>
        <dsp:cNvPr id="0" name=""/>
        <dsp:cNvSpPr/>
      </dsp:nvSpPr>
      <dsp:spPr>
        <a:xfrm>
          <a:off x="0" y="0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1. Problem Statement</a:t>
          </a:r>
        </a:p>
      </dsp:txBody>
      <dsp:txXfrm>
        <a:off x="0" y="0"/>
        <a:ext cx="5922028" cy="289252"/>
      </dsp:txXfrm>
    </dsp:sp>
    <dsp:sp modelId="{425FFAAE-45D9-482A-A6D5-938135380433}">
      <dsp:nvSpPr>
        <dsp:cNvPr id="0" name=""/>
        <dsp:cNvSpPr/>
      </dsp:nvSpPr>
      <dsp:spPr>
        <a:xfrm>
          <a:off x="0" y="289252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408CA101-7ABA-43F5-AA41-810A96DFAB6A}">
      <dsp:nvSpPr>
        <dsp:cNvPr id="0" name=""/>
        <dsp:cNvSpPr/>
      </dsp:nvSpPr>
      <dsp:spPr>
        <a:xfrm>
          <a:off x="0" y="273638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2. Objective Statements </a:t>
          </a:r>
        </a:p>
      </dsp:txBody>
      <dsp:txXfrm>
        <a:off x="0" y="273638"/>
        <a:ext cx="5922028" cy="289252"/>
      </dsp:txXfrm>
    </dsp:sp>
    <dsp:sp modelId="{76A1FF92-6CD3-4604-ACC0-20B9F1D5E04B}">
      <dsp:nvSpPr>
        <dsp:cNvPr id="0" name=""/>
        <dsp:cNvSpPr/>
      </dsp:nvSpPr>
      <dsp:spPr>
        <a:xfrm>
          <a:off x="0" y="578505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ABC82CA1-594A-401F-89D7-850992B87F98}">
      <dsp:nvSpPr>
        <dsp:cNvPr id="0" name=""/>
        <dsp:cNvSpPr/>
      </dsp:nvSpPr>
      <dsp:spPr>
        <a:xfrm>
          <a:off x="0" y="578505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3. Project Timeline</a:t>
          </a:r>
        </a:p>
      </dsp:txBody>
      <dsp:txXfrm>
        <a:off x="0" y="578505"/>
        <a:ext cx="5922028" cy="289252"/>
      </dsp:txXfrm>
    </dsp:sp>
    <dsp:sp modelId="{31439354-66D3-4319-8066-FE26EEA34ED2}">
      <dsp:nvSpPr>
        <dsp:cNvPr id="0" name=""/>
        <dsp:cNvSpPr/>
      </dsp:nvSpPr>
      <dsp:spPr>
        <a:xfrm>
          <a:off x="0" y="867757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E2D1A71-3F1C-4525-B9C2-FD1D056A1A2F}">
      <dsp:nvSpPr>
        <dsp:cNvPr id="0" name=""/>
        <dsp:cNvSpPr/>
      </dsp:nvSpPr>
      <dsp:spPr>
        <a:xfrm>
          <a:off x="0" y="867757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4. Market Need</a:t>
          </a:r>
        </a:p>
      </dsp:txBody>
      <dsp:txXfrm>
        <a:off x="0" y="867757"/>
        <a:ext cx="5922028" cy="289252"/>
      </dsp:txXfrm>
    </dsp:sp>
    <dsp:sp modelId="{BBBF0B54-E9FF-434E-BBF0-EFCCA12C8060}">
      <dsp:nvSpPr>
        <dsp:cNvPr id="0" name=""/>
        <dsp:cNvSpPr/>
      </dsp:nvSpPr>
      <dsp:spPr>
        <a:xfrm>
          <a:off x="0" y="1157010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2DD987BF-3852-4AF7-AFBE-4C8C02670C43}">
      <dsp:nvSpPr>
        <dsp:cNvPr id="0" name=""/>
        <dsp:cNvSpPr/>
      </dsp:nvSpPr>
      <dsp:spPr>
        <a:xfrm>
          <a:off x="0" y="1157010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5. Startup Process</a:t>
          </a:r>
        </a:p>
      </dsp:txBody>
      <dsp:txXfrm>
        <a:off x="0" y="1157010"/>
        <a:ext cx="5922028" cy="289252"/>
      </dsp:txXfrm>
    </dsp:sp>
    <dsp:sp modelId="{47A1DCE5-4C7E-4381-A2CA-642E0BF1C37A}">
      <dsp:nvSpPr>
        <dsp:cNvPr id="0" name=""/>
        <dsp:cNvSpPr/>
      </dsp:nvSpPr>
      <dsp:spPr>
        <a:xfrm>
          <a:off x="0" y="1446262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2DE084AE-524F-4722-AF61-1BCDB4BABE62}">
      <dsp:nvSpPr>
        <dsp:cNvPr id="0" name=""/>
        <dsp:cNvSpPr/>
      </dsp:nvSpPr>
      <dsp:spPr>
        <a:xfrm>
          <a:off x="0" y="1718738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7. Competition Analysis</a:t>
          </a:r>
        </a:p>
      </dsp:txBody>
      <dsp:txXfrm>
        <a:off x="0" y="1718738"/>
        <a:ext cx="5922028" cy="289252"/>
      </dsp:txXfrm>
    </dsp:sp>
    <dsp:sp modelId="{71A52498-1D7B-4ABD-8E1E-6A1244B0B3AB}">
      <dsp:nvSpPr>
        <dsp:cNvPr id="0" name=""/>
        <dsp:cNvSpPr/>
      </dsp:nvSpPr>
      <dsp:spPr>
        <a:xfrm>
          <a:off x="0" y="1735515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1FC7D5F-5281-4842-BDA4-AF4B9B655DFE}">
      <dsp:nvSpPr>
        <dsp:cNvPr id="0" name=""/>
        <dsp:cNvSpPr/>
      </dsp:nvSpPr>
      <dsp:spPr>
        <a:xfrm>
          <a:off x="0" y="1449169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6. Targeted audience</a:t>
          </a:r>
        </a:p>
      </dsp:txBody>
      <dsp:txXfrm>
        <a:off x="0" y="1449169"/>
        <a:ext cx="5922028" cy="289252"/>
      </dsp:txXfrm>
    </dsp:sp>
    <dsp:sp modelId="{95218ED3-2ECF-4EBE-BD4F-7A19F002AF69}">
      <dsp:nvSpPr>
        <dsp:cNvPr id="0" name=""/>
        <dsp:cNvSpPr/>
      </dsp:nvSpPr>
      <dsp:spPr>
        <a:xfrm>
          <a:off x="0" y="2024767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594F83C9-5BD7-4AD7-AA7F-9851F7FFDB82}">
      <dsp:nvSpPr>
        <dsp:cNvPr id="0" name=""/>
        <dsp:cNvSpPr/>
      </dsp:nvSpPr>
      <dsp:spPr>
        <a:xfrm>
          <a:off x="0" y="2024767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8. Customer Acquisition Model</a:t>
          </a:r>
        </a:p>
      </dsp:txBody>
      <dsp:txXfrm>
        <a:off x="0" y="2024767"/>
        <a:ext cx="5922028" cy="289252"/>
      </dsp:txXfrm>
    </dsp:sp>
    <dsp:sp modelId="{A4DE89E9-2D5C-4C1D-8C0B-768F39653DFB}">
      <dsp:nvSpPr>
        <dsp:cNvPr id="0" name=""/>
        <dsp:cNvSpPr/>
      </dsp:nvSpPr>
      <dsp:spPr>
        <a:xfrm>
          <a:off x="0" y="2314020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24CCEA0E-973E-4554-8FDC-9765AC3098D9}">
      <dsp:nvSpPr>
        <dsp:cNvPr id="0" name=""/>
        <dsp:cNvSpPr/>
      </dsp:nvSpPr>
      <dsp:spPr>
        <a:xfrm>
          <a:off x="0" y="2314020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9. Brand Voice</a:t>
          </a:r>
        </a:p>
      </dsp:txBody>
      <dsp:txXfrm>
        <a:off x="0" y="2314020"/>
        <a:ext cx="5922028" cy="289252"/>
      </dsp:txXfrm>
    </dsp:sp>
    <dsp:sp modelId="{19C0D88D-13A7-4E7E-AA0E-B0BECB23A6DD}">
      <dsp:nvSpPr>
        <dsp:cNvPr id="0" name=""/>
        <dsp:cNvSpPr/>
      </dsp:nvSpPr>
      <dsp:spPr>
        <a:xfrm>
          <a:off x="0" y="2603273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AE4A083A-E312-4D22-BB38-2E5217104863}">
      <dsp:nvSpPr>
        <dsp:cNvPr id="0" name=""/>
        <dsp:cNvSpPr/>
      </dsp:nvSpPr>
      <dsp:spPr>
        <a:xfrm>
          <a:off x="0" y="2603273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10. Requirement Analysis</a:t>
          </a:r>
        </a:p>
      </dsp:txBody>
      <dsp:txXfrm>
        <a:off x="0" y="2603273"/>
        <a:ext cx="5922028" cy="289252"/>
      </dsp:txXfrm>
    </dsp:sp>
    <dsp:sp modelId="{58D3422B-882F-4954-B16B-2FAC15578FBE}">
      <dsp:nvSpPr>
        <dsp:cNvPr id="0" name=""/>
        <dsp:cNvSpPr/>
      </dsp:nvSpPr>
      <dsp:spPr>
        <a:xfrm>
          <a:off x="0" y="2892525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D939EB85-DFDA-489D-8D1A-7BCCFAF022BB}">
      <dsp:nvSpPr>
        <dsp:cNvPr id="0" name=""/>
        <dsp:cNvSpPr/>
      </dsp:nvSpPr>
      <dsp:spPr>
        <a:xfrm>
          <a:off x="0" y="2892525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11. Case Diagram</a:t>
          </a:r>
        </a:p>
      </dsp:txBody>
      <dsp:txXfrm>
        <a:off x="0" y="2892525"/>
        <a:ext cx="5922028" cy="289252"/>
      </dsp:txXfrm>
    </dsp:sp>
    <dsp:sp modelId="{64400BCD-4513-4B86-A428-353828153DE9}">
      <dsp:nvSpPr>
        <dsp:cNvPr id="0" name=""/>
        <dsp:cNvSpPr/>
      </dsp:nvSpPr>
      <dsp:spPr>
        <a:xfrm>
          <a:off x="0" y="3181778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3F2A2F5D-4E1C-4C2F-84FE-020459D43D55}">
      <dsp:nvSpPr>
        <dsp:cNvPr id="0" name=""/>
        <dsp:cNvSpPr/>
      </dsp:nvSpPr>
      <dsp:spPr>
        <a:xfrm>
          <a:off x="0" y="3181778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12. App user flow chart</a:t>
          </a:r>
        </a:p>
      </dsp:txBody>
      <dsp:txXfrm>
        <a:off x="0" y="3181778"/>
        <a:ext cx="5922028" cy="289252"/>
      </dsp:txXfrm>
    </dsp:sp>
    <dsp:sp modelId="{B60D2673-EB1D-4375-9FCD-F260796F913C}">
      <dsp:nvSpPr>
        <dsp:cNvPr id="0" name=""/>
        <dsp:cNvSpPr/>
      </dsp:nvSpPr>
      <dsp:spPr>
        <a:xfrm>
          <a:off x="0" y="3471030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96F67A32-A058-4307-AD60-F6505C154D39}">
      <dsp:nvSpPr>
        <dsp:cNvPr id="0" name=""/>
        <dsp:cNvSpPr/>
      </dsp:nvSpPr>
      <dsp:spPr>
        <a:xfrm>
          <a:off x="0" y="3471030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13. ER diagram for database</a:t>
          </a:r>
        </a:p>
      </dsp:txBody>
      <dsp:txXfrm>
        <a:off x="0" y="3471030"/>
        <a:ext cx="5922028" cy="289252"/>
      </dsp:txXfrm>
    </dsp:sp>
    <dsp:sp modelId="{73AE9113-1E73-457F-9D1E-C812545C5E77}">
      <dsp:nvSpPr>
        <dsp:cNvPr id="0" name=""/>
        <dsp:cNvSpPr/>
      </dsp:nvSpPr>
      <dsp:spPr>
        <a:xfrm>
          <a:off x="0" y="3760283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32C70344-87F8-4081-A003-6160FCA08BA8}">
      <dsp:nvSpPr>
        <dsp:cNvPr id="0" name=""/>
        <dsp:cNvSpPr/>
      </dsp:nvSpPr>
      <dsp:spPr>
        <a:xfrm>
          <a:off x="0" y="3760283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14. App sample framework </a:t>
          </a:r>
        </a:p>
      </dsp:txBody>
      <dsp:txXfrm>
        <a:off x="0" y="3760283"/>
        <a:ext cx="5922028" cy="289252"/>
      </dsp:txXfrm>
    </dsp:sp>
    <dsp:sp modelId="{A33C4595-1050-414C-8C1C-5D415AC88E42}">
      <dsp:nvSpPr>
        <dsp:cNvPr id="0" name=""/>
        <dsp:cNvSpPr/>
      </dsp:nvSpPr>
      <dsp:spPr>
        <a:xfrm>
          <a:off x="0" y="4049535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235D012B-B2AA-4E14-85C3-A5511B265F66}">
      <dsp:nvSpPr>
        <dsp:cNvPr id="0" name=""/>
        <dsp:cNvSpPr/>
      </dsp:nvSpPr>
      <dsp:spPr>
        <a:xfrm>
          <a:off x="0" y="4049535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15. Prototype demonstration</a:t>
          </a:r>
        </a:p>
      </dsp:txBody>
      <dsp:txXfrm>
        <a:off x="0" y="4049535"/>
        <a:ext cx="5922028" cy="289252"/>
      </dsp:txXfrm>
    </dsp:sp>
    <dsp:sp modelId="{EE714532-3E5B-453C-8C0A-0B1FA4F87B84}">
      <dsp:nvSpPr>
        <dsp:cNvPr id="0" name=""/>
        <dsp:cNvSpPr/>
      </dsp:nvSpPr>
      <dsp:spPr>
        <a:xfrm>
          <a:off x="0" y="4338788"/>
          <a:ext cx="5922028" cy="0"/>
        </a:xfrm>
        <a:prstGeom prst="lin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85000"/>
                <a:satMod val="130000"/>
              </a:schemeClr>
            </a:gs>
            <a:gs pos="34000">
              <a:schemeClr val="lt1">
                <a:hueOff val="0"/>
                <a:satOff val="0"/>
                <a:lumOff val="0"/>
                <a:alphaOff val="0"/>
                <a:shade val="87000"/>
                <a:satMod val="125000"/>
              </a:schemeClr>
            </a:gs>
            <a:gs pos="70000">
              <a:schemeClr val="lt1">
                <a:hueOff val="0"/>
                <a:satOff val="0"/>
                <a:lumOff val="0"/>
                <a:alphaOff val="0"/>
                <a:tint val="100000"/>
                <a:shade val="90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38100" dist="25400" dir="2700000" algn="br" rotWithShape="0">
            <a:srgbClr val="000000">
              <a:alpha val="60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EF91C1A4-F2A4-4022-B6A4-9397A5A2B810}">
      <dsp:nvSpPr>
        <dsp:cNvPr id="0" name=""/>
        <dsp:cNvSpPr/>
      </dsp:nvSpPr>
      <dsp:spPr>
        <a:xfrm>
          <a:off x="0" y="4338788"/>
          <a:ext cx="5922028" cy="28925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>
              <a:solidFill>
                <a:schemeClr val="tx1"/>
              </a:solidFill>
            </a:rPr>
            <a:t>16. Reference</a:t>
          </a:r>
        </a:p>
      </dsp:txBody>
      <dsp:txXfrm>
        <a:off x="0" y="4338788"/>
        <a:ext cx="5922028" cy="28925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8B67677-4B2D-42BF-9DBD-15EA0A104A18}">
      <dsp:nvSpPr>
        <dsp:cNvPr id="0" name=""/>
        <dsp:cNvSpPr/>
      </dsp:nvSpPr>
      <dsp:spPr>
        <a:xfrm>
          <a:off x="4984" y="612860"/>
          <a:ext cx="1049835" cy="1049835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587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9307ED2-497A-4D03-8ED5-3086F4FC3AAB}">
      <dsp:nvSpPr>
        <dsp:cNvPr id="0" name=""/>
        <dsp:cNvSpPr/>
      </dsp:nvSpPr>
      <dsp:spPr>
        <a:xfrm>
          <a:off x="4984" y="1776902"/>
          <a:ext cx="2999531" cy="10123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b="1"/>
          </a:pPr>
          <a:r>
            <a:rPr lang="en-US" sz="2000" kern="1200" dirty="0">
              <a:latin typeface="Times New Roman" panose="02020603050405020304" pitchFamily="18" charset="0"/>
              <a:cs typeface="Times New Roman" panose="02020603050405020304" pitchFamily="18" charset="0"/>
            </a:rPr>
            <a:t>Collaboratives</a:t>
          </a:r>
          <a:r>
            <a:rPr lang="en-US" sz="1400" kern="1200" dirty="0">
              <a:latin typeface="Times New Roman" panose="02020603050405020304" pitchFamily="18" charset="0"/>
              <a:cs typeface="Times New Roman" panose="02020603050405020304" pitchFamily="18" charset="0"/>
            </a:rPr>
            <a:t>:</a:t>
          </a:r>
        </a:p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b="1"/>
          </a:pPr>
          <a:r>
            <a:rPr lang="en-US" sz="1400" b="0" kern="1200" dirty="0">
              <a:latin typeface="Times New Roman" panose="02020603050405020304" pitchFamily="18" charset="0"/>
              <a:cs typeface="Times New Roman" panose="02020603050405020304" pitchFamily="18" charset="0"/>
            </a:rPr>
            <a:t>              We strive to bring people together and provide employment. We do not isolate users.</a:t>
          </a:r>
        </a:p>
      </dsp:txBody>
      <dsp:txXfrm>
        <a:off x="4984" y="1776902"/>
        <a:ext cx="2999531" cy="1012341"/>
      </dsp:txXfrm>
    </dsp:sp>
    <dsp:sp modelId="{D1E6EF0D-DAF9-4230-9EA6-CB8406E7BFF2}">
      <dsp:nvSpPr>
        <dsp:cNvPr id="0" name=""/>
        <dsp:cNvSpPr/>
      </dsp:nvSpPr>
      <dsp:spPr>
        <a:xfrm>
          <a:off x="4984" y="2842363"/>
          <a:ext cx="2999531" cy="42644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54DB672-C169-4C71-BD3A-81B3289DD005}">
      <dsp:nvSpPr>
        <dsp:cNvPr id="0" name=""/>
        <dsp:cNvSpPr/>
      </dsp:nvSpPr>
      <dsp:spPr>
        <a:xfrm>
          <a:off x="4276056" y="646770"/>
          <a:ext cx="1049835" cy="1049835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587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171807D-3C63-440A-AAD6-4EF13E8C3664}">
      <dsp:nvSpPr>
        <dsp:cNvPr id="0" name=""/>
        <dsp:cNvSpPr/>
      </dsp:nvSpPr>
      <dsp:spPr>
        <a:xfrm>
          <a:off x="3697872" y="1776902"/>
          <a:ext cx="2662653" cy="10123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b="1"/>
          </a:pPr>
          <a:r>
            <a:rPr lang="en-US" sz="2000" b="1" kern="1200" dirty="0">
              <a:latin typeface="Times New Roman" panose="02020603050405020304" pitchFamily="18" charset="0"/>
              <a:cs typeface="Times New Roman" panose="02020603050405020304" pitchFamily="18" charset="0"/>
            </a:rPr>
            <a:t>Intuitive:</a:t>
          </a:r>
        </a:p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b="1"/>
          </a:pPr>
          <a:r>
            <a:rPr lang="en-US" sz="1400" b="0" kern="1200" dirty="0">
              <a:latin typeface="Times New Roman" panose="02020603050405020304" pitchFamily="18" charset="0"/>
              <a:cs typeface="Times New Roman" panose="02020603050405020304" pitchFamily="18" charset="0"/>
            </a:rPr>
            <a:t>           Simplicity and ease of user.</a:t>
          </a:r>
        </a:p>
      </dsp:txBody>
      <dsp:txXfrm>
        <a:off x="3697872" y="1776902"/>
        <a:ext cx="2662653" cy="1012341"/>
      </dsp:txXfrm>
    </dsp:sp>
    <dsp:sp modelId="{4578B917-ACED-4C71-AA73-5290BE08A42A}">
      <dsp:nvSpPr>
        <dsp:cNvPr id="0" name=""/>
        <dsp:cNvSpPr/>
      </dsp:nvSpPr>
      <dsp:spPr>
        <a:xfrm>
          <a:off x="3529433" y="2842363"/>
          <a:ext cx="2999531" cy="42644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5C678A9-415B-45D1-8604-A4CF3E1902CC}">
      <dsp:nvSpPr>
        <dsp:cNvPr id="0" name=""/>
        <dsp:cNvSpPr/>
      </dsp:nvSpPr>
      <dsp:spPr>
        <a:xfrm>
          <a:off x="7288773" y="617280"/>
          <a:ext cx="1049835" cy="1049835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587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CE1B1EF-5FDE-4E0A-AAF7-AE614CD4691A}">
      <dsp:nvSpPr>
        <dsp:cNvPr id="0" name=""/>
        <dsp:cNvSpPr/>
      </dsp:nvSpPr>
      <dsp:spPr>
        <a:xfrm>
          <a:off x="7058867" y="1793677"/>
          <a:ext cx="2999531" cy="10123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b="1"/>
          </a:pPr>
          <a:r>
            <a:rPr lang="en-US" sz="2000" kern="1200" dirty="0">
              <a:latin typeface="Times New Roman" panose="02020603050405020304" pitchFamily="18" charset="0"/>
              <a:cs typeface="Times New Roman" panose="02020603050405020304" pitchFamily="18" charset="0"/>
            </a:rPr>
            <a:t>Innovative:</a:t>
          </a:r>
        </a:p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b="1"/>
          </a:pPr>
          <a:r>
            <a:rPr lang="en-US" sz="1400" b="0" kern="1200" dirty="0">
              <a:latin typeface="Times New Roman" panose="02020603050405020304" pitchFamily="18" charset="0"/>
              <a:cs typeface="Times New Roman" panose="02020603050405020304" pitchFamily="18" charset="0"/>
            </a:rPr>
            <a:t>           Push boundary in Tech and improve user experience frequently </a:t>
          </a:r>
        </a:p>
      </dsp:txBody>
      <dsp:txXfrm>
        <a:off x="7058867" y="1793677"/>
        <a:ext cx="2999531" cy="1012341"/>
      </dsp:txXfrm>
    </dsp:sp>
    <dsp:sp modelId="{336BDE59-3120-44FB-B788-470F5315FB85}">
      <dsp:nvSpPr>
        <dsp:cNvPr id="0" name=""/>
        <dsp:cNvSpPr/>
      </dsp:nvSpPr>
      <dsp:spPr>
        <a:xfrm>
          <a:off x="7053883" y="2842363"/>
          <a:ext cx="2999531" cy="42644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FD21FB1-8C2A-4D08-AF4E-939134BF80A6}">
      <dsp:nvSpPr>
        <dsp:cNvPr id="0" name=""/>
        <dsp:cNvSpPr/>
      </dsp:nvSpPr>
      <dsp:spPr>
        <a:xfrm>
          <a:off x="0" y="531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41079B5-236C-49B4-9140-6ED1283678B1}">
      <dsp:nvSpPr>
        <dsp:cNvPr id="0" name=""/>
        <dsp:cNvSpPr/>
      </dsp:nvSpPr>
      <dsp:spPr>
        <a:xfrm>
          <a:off x="0" y="531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i="0" kern="1200" dirty="0">
              <a:latin typeface="Times New Roman" panose="02020603050405020304" pitchFamily="18" charset="0"/>
              <a:cs typeface="Times New Roman" panose="02020603050405020304" pitchFamily="18" charset="0"/>
            </a:rPr>
            <a:t>Functional Requirement</a:t>
          </a:r>
          <a:endParaRPr lang="en-US" sz="1400" kern="12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531"/>
        <a:ext cx="4136432" cy="290018"/>
      </dsp:txXfrm>
    </dsp:sp>
    <dsp:sp modelId="{CD58194D-9E9D-43DE-9FAA-C1E736F3A593}">
      <dsp:nvSpPr>
        <dsp:cNvPr id="0" name=""/>
        <dsp:cNvSpPr/>
      </dsp:nvSpPr>
      <dsp:spPr>
        <a:xfrm>
          <a:off x="0" y="290549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11E9EBA-9761-4410-8588-BA729FB10D36}">
      <dsp:nvSpPr>
        <dsp:cNvPr id="0" name=""/>
        <dsp:cNvSpPr/>
      </dsp:nvSpPr>
      <dsp:spPr>
        <a:xfrm>
          <a:off x="0" y="290549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Registration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290549"/>
        <a:ext cx="4136432" cy="290018"/>
      </dsp:txXfrm>
    </dsp:sp>
    <dsp:sp modelId="{553B5655-8B3D-466C-BDF5-40B0F3E40A8F}">
      <dsp:nvSpPr>
        <dsp:cNvPr id="0" name=""/>
        <dsp:cNvSpPr/>
      </dsp:nvSpPr>
      <dsp:spPr>
        <a:xfrm>
          <a:off x="0" y="580567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A1A7D58-9C3E-4F7F-8282-DA68B93D2A9B}">
      <dsp:nvSpPr>
        <dsp:cNvPr id="0" name=""/>
        <dsp:cNvSpPr/>
      </dsp:nvSpPr>
      <dsp:spPr>
        <a:xfrm>
          <a:off x="0" y="580567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Login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580567"/>
        <a:ext cx="4136432" cy="290018"/>
      </dsp:txXfrm>
    </dsp:sp>
    <dsp:sp modelId="{8078BA9B-C951-4B48-B02B-D5DF657DC339}">
      <dsp:nvSpPr>
        <dsp:cNvPr id="0" name=""/>
        <dsp:cNvSpPr/>
      </dsp:nvSpPr>
      <dsp:spPr>
        <a:xfrm>
          <a:off x="0" y="870586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B450B6D-F5B6-44DA-AE9B-77DB97F1204B}">
      <dsp:nvSpPr>
        <dsp:cNvPr id="0" name=""/>
        <dsp:cNvSpPr/>
      </dsp:nvSpPr>
      <dsp:spPr>
        <a:xfrm>
          <a:off x="0" y="870586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Username or Password retrieve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870586"/>
        <a:ext cx="4136432" cy="290018"/>
      </dsp:txXfrm>
    </dsp:sp>
    <dsp:sp modelId="{AE475745-FB2B-47FA-A6BB-188083E4E01B}">
      <dsp:nvSpPr>
        <dsp:cNvPr id="0" name=""/>
        <dsp:cNvSpPr/>
      </dsp:nvSpPr>
      <dsp:spPr>
        <a:xfrm>
          <a:off x="0" y="1160604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44A2AFF-34B9-4843-A711-102202E39C8B}">
      <dsp:nvSpPr>
        <dsp:cNvPr id="0" name=""/>
        <dsp:cNvSpPr/>
      </dsp:nvSpPr>
      <dsp:spPr>
        <a:xfrm>
          <a:off x="0" y="1160604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Profile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1160604"/>
        <a:ext cx="4136432" cy="290018"/>
      </dsp:txXfrm>
    </dsp:sp>
    <dsp:sp modelId="{AAE4E699-0652-4EE7-A831-8544192DC726}">
      <dsp:nvSpPr>
        <dsp:cNvPr id="0" name=""/>
        <dsp:cNvSpPr/>
      </dsp:nvSpPr>
      <dsp:spPr>
        <a:xfrm>
          <a:off x="0" y="1450623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BCAD265-6306-4728-86CE-42AF14EA7162}">
      <dsp:nvSpPr>
        <dsp:cNvPr id="0" name=""/>
        <dsp:cNvSpPr/>
      </dsp:nvSpPr>
      <dsp:spPr>
        <a:xfrm>
          <a:off x="0" y="1450623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Area selection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1450623"/>
        <a:ext cx="4136432" cy="290018"/>
      </dsp:txXfrm>
    </dsp:sp>
    <dsp:sp modelId="{784240C4-A0CA-4009-B6AE-D514A72246A5}">
      <dsp:nvSpPr>
        <dsp:cNvPr id="0" name=""/>
        <dsp:cNvSpPr/>
      </dsp:nvSpPr>
      <dsp:spPr>
        <a:xfrm>
          <a:off x="0" y="1740641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3DBA0DD-D936-4B8A-928E-9F4100FF2E37}">
      <dsp:nvSpPr>
        <dsp:cNvPr id="0" name=""/>
        <dsp:cNvSpPr/>
      </dsp:nvSpPr>
      <dsp:spPr>
        <a:xfrm>
          <a:off x="0" y="1740641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Search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1740641"/>
        <a:ext cx="4136432" cy="290018"/>
      </dsp:txXfrm>
    </dsp:sp>
    <dsp:sp modelId="{1754A26E-E162-462C-BF41-968F8E4EFD97}">
      <dsp:nvSpPr>
        <dsp:cNvPr id="0" name=""/>
        <dsp:cNvSpPr/>
      </dsp:nvSpPr>
      <dsp:spPr>
        <a:xfrm>
          <a:off x="0" y="2030659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3094431-DDAC-4152-839F-654AD96C6567}">
      <dsp:nvSpPr>
        <dsp:cNvPr id="0" name=""/>
        <dsp:cNvSpPr/>
      </dsp:nvSpPr>
      <dsp:spPr>
        <a:xfrm>
          <a:off x="0" y="2030659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Post area as customer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2030659"/>
        <a:ext cx="4136432" cy="290018"/>
      </dsp:txXfrm>
    </dsp:sp>
    <dsp:sp modelId="{64231FE0-42A8-46F6-B0EF-4EB8FB967F09}">
      <dsp:nvSpPr>
        <dsp:cNvPr id="0" name=""/>
        <dsp:cNvSpPr/>
      </dsp:nvSpPr>
      <dsp:spPr>
        <a:xfrm>
          <a:off x="0" y="2320678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B789390-F169-4425-9E1C-432D61D9EB15}">
      <dsp:nvSpPr>
        <dsp:cNvPr id="0" name=""/>
        <dsp:cNvSpPr/>
      </dsp:nvSpPr>
      <dsp:spPr>
        <a:xfrm>
          <a:off x="0" y="2320678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Post area as vendor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2320678"/>
        <a:ext cx="4136432" cy="290018"/>
      </dsp:txXfrm>
    </dsp:sp>
    <dsp:sp modelId="{3190B1E9-418E-41EF-99AC-681F1164A061}">
      <dsp:nvSpPr>
        <dsp:cNvPr id="0" name=""/>
        <dsp:cNvSpPr/>
      </dsp:nvSpPr>
      <dsp:spPr>
        <a:xfrm>
          <a:off x="0" y="2610696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A0EE0D5-5D82-434C-B093-1230FF30B2A6}">
      <dsp:nvSpPr>
        <dsp:cNvPr id="0" name=""/>
        <dsp:cNvSpPr/>
      </dsp:nvSpPr>
      <dsp:spPr>
        <a:xfrm>
          <a:off x="0" y="2610696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Order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2610696"/>
        <a:ext cx="4136432" cy="290018"/>
      </dsp:txXfrm>
    </dsp:sp>
    <dsp:sp modelId="{6237B9CD-4EF6-4EA8-9D3C-37F6470AB3D8}">
      <dsp:nvSpPr>
        <dsp:cNvPr id="0" name=""/>
        <dsp:cNvSpPr/>
      </dsp:nvSpPr>
      <dsp:spPr>
        <a:xfrm>
          <a:off x="0" y="2900714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BDC5ED3-B1BE-4116-9BDA-A049E2A5F7EE}">
      <dsp:nvSpPr>
        <dsp:cNvPr id="0" name=""/>
        <dsp:cNvSpPr/>
      </dsp:nvSpPr>
      <dsp:spPr>
        <a:xfrm>
          <a:off x="0" y="2900714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Menu and quantity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2900714"/>
        <a:ext cx="4136432" cy="290018"/>
      </dsp:txXfrm>
    </dsp:sp>
    <dsp:sp modelId="{3B92DFE1-ACB0-4A3D-B400-544D87208994}">
      <dsp:nvSpPr>
        <dsp:cNvPr id="0" name=""/>
        <dsp:cNvSpPr/>
      </dsp:nvSpPr>
      <dsp:spPr>
        <a:xfrm>
          <a:off x="0" y="3190733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9A6EC8C-DE9C-447D-8662-F3CCBF904042}">
      <dsp:nvSpPr>
        <dsp:cNvPr id="0" name=""/>
        <dsp:cNvSpPr/>
      </dsp:nvSpPr>
      <dsp:spPr>
        <a:xfrm>
          <a:off x="0" y="3190733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Special Request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3190733"/>
        <a:ext cx="4136432" cy="290018"/>
      </dsp:txXfrm>
    </dsp:sp>
    <dsp:sp modelId="{E98A67C6-D96E-456F-B9EF-19DDA22E17AE}">
      <dsp:nvSpPr>
        <dsp:cNvPr id="0" name=""/>
        <dsp:cNvSpPr/>
      </dsp:nvSpPr>
      <dsp:spPr>
        <a:xfrm>
          <a:off x="0" y="3480751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5967F35-1954-4C19-8402-1890563B2344}">
      <dsp:nvSpPr>
        <dsp:cNvPr id="0" name=""/>
        <dsp:cNvSpPr/>
      </dsp:nvSpPr>
      <dsp:spPr>
        <a:xfrm>
          <a:off x="0" y="3480751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Payment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3480751"/>
        <a:ext cx="4136432" cy="290018"/>
      </dsp:txXfrm>
    </dsp:sp>
    <dsp:sp modelId="{4A69BA70-BE1A-4CF7-9A77-3AAB4AFD5577}">
      <dsp:nvSpPr>
        <dsp:cNvPr id="0" name=""/>
        <dsp:cNvSpPr/>
      </dsp:nvSpPr>
      <dsp:spPr>
        <a:xfrm>
          <a:off x="0" y="3770770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A3711F0-9FFE-465A-AAFD-AE2C3B030314}">
      <dsp:nvSpPr>
        <dsp:cNvPr id="0" name=""/>
        <dsp:cNvSpPr/>
      </dsp:nvSpPr>
      <dsp:spPr>
        <a:xfrm>
          <a:off x="0" y="3770770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Confirmation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3770770"/>
        <a:ext cx="4136432" cy="290018"/>
      </dsp:txXfrm>
    </dsp:sp>
    <dsp:sp modelId="{B48E8A64-5ECB-488B-8DCC-980ED942E4A2}">
      <dsp:nvSpPr>
        <dsp:cNvPr id="0" name=""/>
        <dsp:cNvSpPr/>
      </dsp:nvSpPr>
      <dsp:spPr>
        <a:xfrm>
          <a:off x="0" y="4060788"/>
          <a:ext cx="4136432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E689014-3007-48C7-9B6B-3A7F9FC2A303}">
      <dsp:nvSpPr>
        <dsp:cNvPr id="0" name=""/>
        <dsp:cNvSpPr/>
      </dsp:nvSpPr>
      <dsp:spPr>
        <a:xfrm>
          <a:off x="0" y="4060788"/>
          <a:ext cx="4136432" cy="29001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0" i="1" kern="1200">
              <a:latin typeface="Times New Roman" panose="02020603050405020304" pitchFamily="18" charset="0"/>
              <a:cs typeface="Times New Roman" panose="02020603050405020304" pitchFamily="18" charset="0"/>
            </a:rPr>
            <a:t>Cancel</a:t>
          </a:r>
          <a:endParaRPr lang="en-US" sz="1400" kern="1200"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0" y="4060788"/>
        <a:ext cx="4136432" cy="290018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950C2FA-630D-45C9-86A2-9B8B073B128C}">
      <dsp:nvSpPr>
        <dsp:cNvPr id="0" name=""/>
        <dsp:cNvSpPr/>
      </dsp:nvSpPr>
      <dsp:spPr>
        <a:xfrm>
          <a:off x="0" y="517"/>
          <a:ext cx="3477011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AB1AB03-8EBA-4319-AB1E-B9716BE6B9CA}">
      <dsp:nvSpPr>
        <dsp:cNvPr id="0" name=""/>
        <dsp:cNvSpPr/>
      </dsp:nvSpPr>
      <dsp:spPr>
        <a:xfrm>
          <a:off x="0" y="517"/>
          <a:ext cx="3477011" cy="4713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i="0" u="none" strike="noStrike" kern="1200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Non-Functional Requirements</a:t>
          </a:r>
          <a:endParaRPr lang="en-US" sz="1400" b="0" i="0" u="none" strike="noStrike" kern="1200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sp:txBody>
      <dsp:txXfrm>
        <a:off x="0" y="517"/>
        <a:ext cx="3477011" cy="471375"/>
      </dsp:txXfrm>
    </dsp:sp>
    <dsp:sp modelId="{D47F646A-8F8D-4FC0-8B9F-CB0F7227E5A8}">
      <dsp:nvSpPr>
        <dsp:cNvPr id="0" name=""/>
        <dsp:cNvSpPr/>
      </dsp:nvSpPr>
      <dsp:spPr>
        <a:xfrm>
          <a:off x="0" y="471893"/>
          <a:ext cx="3477011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1ADCFC7-C7C5-4B38-8A75-15C1A95A5BBD}">
      <dsp:nvSpPr>
        <dsp:cNvPr id="0" name=""/>
        <dsp:cNvSpPr/>
      </dsp:nvSpPr>
      <dsp:spPr>
        <a:xfrm>
          <a:off x="0" y="471893"/>
          <a:ext cx="3477011" cy="4713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i="1" u="none" strike="noStrike" kern="1200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Data requirement</a:t>
          </a:r>
          <a:endParaRPr lang="en-US" sz="1400" i="0" u="none" strike="noStrike" kern="1200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sp:txBody>
      <dsp:txXfrm>
        <a:off x="0" y="471893"/>
        <a:ext cx="3477011" cy="471375"/>
      </dsp:txXfrm>
    </dsp:sp>
    <dsp:sp modelId="{A1A58DB5-11A5-46EE-825B-FEEE5E6F98CD}">
      <dsp:nvSpPr>
        <dsp:cNvPr id="0" name=""/>
        <dsp:cNvSpPr/>
      </dsp:nvSpPr>
      <dsp:spPr>
        <a:xfrm>
          <a:off x="0" y="943269"/>
          <a:ext cx="3477011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41C686F-FCB6-41CF-A41A-F6D3CD16D90E}">
      <dsp:nvSpPr>
        <dsp:cNvPr id="0" name=""/>
        <dsp:cNvSpPr/>
      </dsp:nvSpPr>
      <dsp:spPr>
        <a:xfrm>
          <a:off x="0" y="943269"/>
          <a:ext cx="3477011" cy="4713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i="1" u="none" strike="noStrike" kern="1200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Compatibility</a:t>
          </a:r>
          <a:endParaRPr lang="en-US" sz="1400" i="0" u="none" strike="noStrike" kern="1200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sp:txBody>
      <dsp:txXfrm>
        <a:off x="0" y="943269"/>
        <a:ext cx="3477011" cy="471375"/>
      </dsp:txXfrm>
    </dsp:sp>
    <dsp:sp modelId="{63EBF749-46EF-4C67-83A4-E3E3E3897C01}">
      <dsp:nvSpPr>
        <dsp:cNvPr id="0" name=""/>
        <dsp:cNvSpPr/>
      </dsp:nvSpPr>
      <dsp:spPr>
        <a:xfrm>
          <a:off x="0" y="1414645"/>
          <a:ext cx="3477011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FD53FAE-C750-4BAD-9950-4BDE46196E23}">
      <dsp:nvSpPr>
        <dsp:cNvPr id="0" name=""/>
        <dsp:cNvSpPr/>
      </dsp:nvSpPr>
      <dsp:spPr>
        <a:xfrm>
          <a:off x="0" y="1414645"/>
          <a:ext cx="3477011" cy="4713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i="1" u="none" strike="noStrike" kern="1200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User interface</a:t>
          </a:r>
          <a:endParaRPr lang="en-US" sz="1400" i="0" u="none" strike="noStrike" kern="1200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sp:txBody>
      <dsp:txXfrm>
        <a:off x="0" y="1414645"/>
        <a:ext cx="3477011" cy="471375"/>
      </dsp:txXfrm>
    </dsp:sp>
    <dsp:sp modelId="{0197BA05-A567-43DD-832E-84A8B9030EB4}">
      <dsp:nvSpPr>
        <dsp:cNvPr id="0" name=""/>
        <dsp:cNvSpPr/>
      </dsp:nvSpPr>
      <dsp:spPr>
        <a:xfrm>
          <a:off x="0" y="1886021"/>
          <a:ext cx="3477011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9625643-46A6-4BD9-B391-B26EFE0AD231}">
      <dsp:nvSpPr>
        <dsp:cNvPr id="0" name=""/>
        <dsp:cNvSpPr/>
      </dsp:nvSpPr>
      <dsp:spPr>
        <a:xfrm>
          <a:off x="0" y="1886021"/>
          <a:ext cx="3477011" cy="4713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i="1" u="none" strike="noStrike" kern="1200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Security</a:t>
          </a:r>
          <a:endParaRPr lang="en-US" sz="1400" i="0" u="none" strike="noStrike" kern="1200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sp:txBody>
      <dsp:txXfrm>
        <a:off x="0" y="1886021"/>
        <a:ext cx="3477011" cy="471375"/>
      </dsp:txXfrm>
    </dsp:sp>
    <dsp:sp modelId="{AAC023EB-0306-4851-A137-29555862F580}">
      <dsp:nvSpPr>
        <dsp:cNvPr id="0" name=""/>
        <dsp:cNvSpPr/>
      </dsp:nvSpPr>
      <dsp:spPr>
        <a:xfrm>
          <a:off x="0" y="2357396"/>
          <a:ext cx="3477011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9E17118-B94D-4A11-B975-82CF2DF1C5FE}">
      <dsp:nvSpPr>
        <dsp:cNvPr id="0" name=""/>
        <dsp:cNvSpPr/>
      </dsp:nvSpPr>
      <dsp:spPr>
        <a:xfrm>
          <a:off x="0" y="2357396"/>
          <a:ext cx="3477011" cy="4713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i="1" u="none" strike="noStrike" kern="1200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Reliable</a:t>
          </a:r>
          <a:endParaRPr lang="en-US" sz="1400" i="0" u="none" strike="noStrike" kern="1200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sp:txBody>
      <dsp:txXfrm>
        <a:off x="0" y="2357396"/>
        <a:ext cx="3477011" cy="471375"/>
      </dsp:txXfrm>
    </dsp:sp>
    <dsp:sp modelId="{5D190C65-DB78-4BFA-B806-5B6BFA277C42}">
      <dsp:nvSpPr>
        <dsp:cNvPr id="0" name=""/>
        <dsp:cNvSpPr/>
      </dsp:nvSpPr>
      <dsp:spPr>
        <a:xfrm>
          <a:off x="0" y="2828772"/>
          <a:ext cx="3477011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822073E-8670-4DAA-881A-500134A45808}">
      <dsp:nvSpPr>
        <dsp:cNvPr id="0" name=""/>
        <dsp:cNvSpPr/>
      </dsp:nvSpPr>
      <dsp:spPr>
        <a:xfrm>
          <a:off x="0" y="2828772"/>
          <a:ext cx="3477011" cy="4713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i="1" u="none" strike="noStrike" kern="1200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Availability</a:t>
          </a:r>
          <a:endParaRPr lang="en-US" sz="1400" i="0" u="none" strike="noStrike" kern="1200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sp:txBody>
      <dsp:txXfrm>
        <a:off x="0" y="2828772"/>
        <a:ext cx="3477011" cy="471375"/>
      </dsp:txXfrm>
    </dsp:sp>
    <dsp:sp modelId="{61054A85-3A97-43C0-90CC-BB448B2D1F36}">
      <dsp:nvSpPr>
        <dsp:cNvPr id="0" name=""/>
        <dsp:cNvSpPr/>
      </dsp:nvSpPr>
      <dsp:spPr>
        <a:xfrm>
          <a:off x="0" y="3300148"/>
          <a:ext cx="3477011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FA7DCCC-4E93-4B67-98DB-E7713BCF4778}">
      <dsp:nvSpPr>
        <dsp:cNvPr id="0" name=""/>
        <dsp:cNvSpPr/>
      </dsp:nvSpPr>
      <dsp:spPr>
        <a:xfrm>
          <a:off x="0" y="3300148"/>
          <a:ext cx="3477011" cy="4713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i="1" u="none" strike="noStrike" kern="1200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Latency</a:t>
          </a:r>
          <a:endParaRPr lang="en-US" sz="1400" i="0" u="none" strike="noStrike" kern="1200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sp:txBody>
      <dsp:txXfrm>
        <a:off x="0" y="3300148"/>
        <a:ext cx="3477011" cy="471375"/>
      </dsp:txXfrm>
    </dsp:sp>
    <dsp:sp modelId="{BCF52661-F569-4781-B0AC-E6DD47BDD072}">
      <dsp:nvSpPr>
        <dsp:cNvPr id="0" name=""/>
        <dsp:cNvSpPr/>
      </dsp:nvSpPr>
      <dsp:spPr>
        <a:xfrm>
          <a:off x="0" y="3771524"/>
          <a:ext cx="3477011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3E1F72-7A05-4370-AD37-50A3D246F0BD}">
      <dsp:nvSpPr>
        <dsp:cNvPr id="0" name=""/>
        <dsp:cNvSpPr/>
      </dsp:nvSpPr>
      <dsp:spPr>
        <a:xfrm>
          <a:off x="0" y="3771524"/>
          <a:ext cx="3477011" cy="4713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i="1" u="none" strike="noStrike" kern="1200" dirty="0"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Testability</a:t>
          </a:r>
          <a:endParaRPr lang="en-US" sz="1400" i="0" u="none" strike="noStrike" kern="1200" dirty="0">
            <a:solidFill>
              <a:schemeClr val="tx1"/>
            </a:solidFill>
            <a:effectLst/>
            <a:latin typeface="Arial" panose="020B0604020202020204" pitchFamily="34" charset="0"/>
          </a:endParaRPr>
        </a:p>
      </dsp:txBody>
      <dsp:txXfrm>
        <a:off x="0" y="3771524"/>
        <a:ext cx="3477011" cy="47137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LabelDescriptionList">
  <dgm:title val="Icon Label Description List"/>
  <dgm:desc val="Use to show non-sequential or grouped chunks of information. The placeholder holds an icon or small picture, and corresponding text boxes show Level 1 and Level 2 text respectively. Works well for minimal Level 1 text accompanied by lengthier Level two text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Node" refType="h" fact="0.45"/>
      <dgm:constr type="w" for="ch" forName="compNode" val="120"/>
      <dgm:constr type="w" for="ch" forName="sibTrans" refType="w" refFor="ch" refForName="compNode" fact="0.175"/>
      <dgm:constr type="primFontSz" for="des" forName="parTx" val="36"/>
      <dgm:constr type="primFontSz" for="des" forName="desTx" refType="primFontSz" refFor="des" refForName="parTx" op="lte" fact="0.75"/>
      <dgm:constr type="h" for="des" forName="compNode" op="equ"/>
      <dgm:constr type="h" for="des" forName="iconRect" op="equ"/>
      <dgm:constr type="w" for="des" forName="iconRect" op="equ"/>
      <dgm:constr type="h" for="des" forName="iconSpace" op="equ"/>
      <dgm:constr type="h" for="des" forName="parTx" op="equ"/>
      <dgm:constr type="h" for="des" forName="txSpace" op="equ"/>
      <dgm:constr type="h" for="des" forName="desTx" op="equ"/>
    </dgm:constrLst>
    <dgm:ruleLst>
      <dgm:rule type="w" for="ch" forName="compNode" val="0" fact="NaN" max="NaN"/>
    </dgm:ruleLst>
    <dgm:forEach name="Name3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35"/>
          <dgm:constr type="h" for="ch" forName="iconRect" refType="w" refFor="ch" refForName="iconRect"/>
          <dgm:constr type="l" for="ch" forName="iconRect"/>
          <dgm:constr type="t" for="ch" forName="iconRect"/>
          <dgm:constr type="w" for="ch" forName="iconSpace" refType="w"/>
          <dgm:constr type="h" for="ch" forName="iconSpace" refType="h" fact="0.043"/>
          <dgm:constr type="l" for="ch" forName="iconSpace"/>
          <dgm:constr type="t" for="ch" forName="iconSpace" refType="b" refFor="ch" refForName="iconRect"/>
          <dgm:constr type="w" for="ch" forName="parTx" refType="w"/>
          <dgm:constr type="h" for="ch" forName="parTx" refType="w" fact="0.15"/>
          <dgm:constr type="l" for="ch" forName="parTx"/>
          <dgm:constr type="t" for="ch" forName="parTx" refType="b" refFor="ch" refForName="iconSpace"/>
          <dgm:constr type="h" for="ch" forName="txSpace" refType="h" fact="0.02"/>
          <dgm:constr type="w" for="ch" forName="txSpace" refType="w"/>
          <dgm:constr type="l" for="ch" forName="txSpace"/>
          <dgm:constr type="t" for="ch" forName="txSpace" refType="b" refFor="ch" refForName="parTx"/>
          <dgm:constr type="w" for="ch" forName="desTx" refType="w"/>
          <dgm:constr type="l" for="ch" forName="desTx"/>
          <dgm:constr type="t" for="ch" forName="desTx" refType="b" refFor="ch" refForName="txSpace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icon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t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4" fact="NaN" max="NaN"/>
            <dgm:rule type="h" val="INF" fact="NaN" max="NaN"/>
          </dgm:ruleLst>
        </dgm:layoutNode>
        <dgm:layoutNode name="tx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desTx" styleLbl="revTx">
          <dgm:varLst/>
          <dgm:alg type="tx">
            <dgm:param type="stBulletLvl" val="0"/>
            <dgm:param type="txAnchorVert" val="t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refType="primFontSz"/>
            <dgm:constr type="lMarg"/>
            <dgm:constr type="rMarg"/>
            <dgm:constr type="tMarg"/>
            <dgm:constr type="bMarg"/>
          </dgm:constrLst>
          <dgm:ruleLst>
            <dgm:rule type="primFontSz" val="NaN" fact="NaN" max="17"/>
            <dgm:rule type="h" val="INF" fact="NaN" max="NaN"/>
          </dgm:ruleLst>
        </dgm:layoutNode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b="1"/>
        </a:lvl1pPr>
        <a:lvl2pPr>
          <a:lnSpc>
            <a:spcPct val="100000"/>
          </a:lnSpc>
        </a:lvl2pPr>
      </dgm1612:lstStyle>
    </a:ext>
  </dgm:extLst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2ED7A934-0635-4E76-95FD-43993B1828C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43A72F8-57B8-4FBF-B54E-88A861E91D43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F273EFC-B541-4D39-ACAE-B43588005231}" type="datetimeFigureOut">
              <a:rPr lang="en-US" smtClean="0"/>
              <a:t>4/15/2021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04A6038-4A3D-4CE4-A3B5-D6E976121200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D286FF7-47DD-4A75-85A8-6445E3411EA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8FC685-2169-447E-B5F0-6D799AEBC20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5725551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04-15T19:27:59.945"/>
    </inkml:context>
    <inkml:brush xml:id="br0">
      <inkml:brushProperty name="width" value="0.05" units="cm"/>
      <inkml:brushProperty name="height" value="0.05" units="cm"/>
    </inkml:brush>
  </inkml:definitions>
  <inkml:trace contextRef="#ctx0" brushRef="#br0">1 1 816,'0'0'328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04-15T19:27:59.945"/>
    </inkml:context>
    <inkml:brush xml:id="br0">
      <inkml:brushProperty name="width" value="0.05" units="cm"/>
      <inkml:brushProperty name="height" value="0.05" units="cm"/>
    </inkml:brush>
  </inkml:definitions>
  <inkml:trace contextRef="#ctx0" brushRef="#br0">1 1 816,'0'0'328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04-15T19:27:59.945"/>
    </inkml:context>
    <inkml:brush xml:id="br0">
      <inkml:brushProperty name="width" value="0.05" units="cm"/>
      <inkml:brushProperty name="height" value="0.05" units="cm"/>
    </inkml:brush>
  </inkml:definitions>
  <inkml:trace contextRef="#ctx0" brushRef="#br0">1 1 816,'0'0'328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04-15T19:27:59.945"/>
    </inkml:context>
    <inkml:brush xml:id="br0">
      <inkml:brushProperty name="width" value="0.05" units="cm"/>
      <inkml:brushProperty name="height" value="0.05" units="cm"/>
    </inkml:brush>
  </inkml:definitions>
  <inkml:trace contextRef="#ctx0" brushRef="#br0">1 1 816,'0'0'328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04-15T19:27:59.945"/>
    </inkml:context>
    <inkml:brush xml:id="br0">
      <inkml:brushProperty name="width" value="0.05" units="cm"/>
      <inkml:brushProperty name="height" value="0.05" units="cm"/>
    </inkml:brush>
  </inkml:definitions>
  <inkml:trace contextRef="#ctx0" brushRef="#br0">1 1 816,'0'0'328</inkml:trace>
</inkml:ink>
</file>

<file path=ppt/ink/ink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04-15T19:27:59.945"/>
    </inkml:context>
    <inkml:brush xml:id="br0">
      <inkml:brushProperty name="width" value="0.05" units="cm"/>
      <inkml:brushProperty name="height" value="0.05" units="cm"/>
    </inkml:brush>
  </inkml:definitions>
  <inkml:trace contextRef="#ctx0" brushRef="#br0">1 1 816,'0'0'328</inkml:trace>
</inkml:ink>
</file>

<file path=ppt/ink/ink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04-15T19:27:59.945"/>
    </inkml:context>
    <inkml:brush xml:id="br0">
      <inkml:brushProperty name="width" value="0.05" units="cm"/>
      <inkml:brushProperty name="height" value="0.05" units="cm"/>
    </inkml:brush>
  </inkml:definitions>
  <inkml:trace contextRef="#ctx0" brushRef="#br0">1 1 816,'0'0'328</inkml:trace>
</inkml:ink>
</file>

<file path=ppt/ink/ink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04-15T19:27:59.945"/>
    </inkml:context>
    <inkml:brush xml:id="br0">
      <inkml:brushProperty name="width" value="0.05" units="cm"/>
      <inkml:brushProperty name="height" value="0.05" units="cm"/>
    </inkml:brush>
  </inkml:definitions>
  <inkml:trace contextRef="#ctx0" brushRef="#br0">1 1 816,'0'0'328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F0853E1-56A0-44E9-A74E-5E9F6164A239}" type="datetimeFigureOut">
              <a:rPr lang="en-US" smtClean="0"/>
              <a:t>4/15/2021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7926890-3464-4466-B789-5BB6DD4ADC9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2947729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7926890-3464-4466-B789-5BB6DD4ADC9C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1075434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0145589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3244667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4587863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6400148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8411237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5131946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8244743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662907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60751502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4521942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56682447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0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6490312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9324488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9121244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2002DED-DCF6-428F-92AB-AA8ACCA0B38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61535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3217281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2767183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3288284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251742-F350-4E0A-882E-44E34E005E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3596541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8000" spc="-50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0"/>
            <a:ext cx="100584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18401395"/>
      </p:ext>
    </p:extLst>
  </p:cSld>
  <p:clrMapOvr>
    <a:masterClrMapping/>
  </p:clrMapOvr>
  <p:hf hd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68843463"/>
      </p:ext>
    </p:extLst>
  </p:cSld>
  <p:clrMapOvr>
    <a:masterClrMapping/>
  </p:clrMapOvr>
  <p:hf hdr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414778"/>
            <a:ext cx="2628900" cy="575742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414778"/>
            <a:ext cx="7734300" cy="5757422"/>
          </a:xfrm>
        </p:spPr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5306819"/>
      </p:ext>
    </p:extLst>
  </p:cSld>
  <p:clrMapOvr>
    <a:masterClrMapping/>
  </p:clrMapOvr>
  <p:hf hdr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Freeform: Shape 73">
            <a:extLst>
              <a:ext uri="{FF2B5EF4-FFF2-40B4-BE49-F238E27FC236}">
                <a16:creationId xmlns:a16="http://schemas.microsoft.com/office/drawing/2014/main" id="{232146ED-1740-4E0E-8996-4B517921435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3" y="2"/>
            <a:ext cx="2134216" cy="2258161"/>
          </a:xfrm>
          <a:custGeom>
            <a:avLst/>
            <a:gdLst>
              <a:gd name="connsiteX0" fmla="*/ 2292284 w 3871489"/>
              <a:gd name="connsiteY0" fmla="*/ 0 h 4096327"/>
              <a:gd name="connsiteX1" fmla="*/ 3500914 w 3871489"/>
              <a:gd name="connsiteY1" fmla="*/ 0 h 4096327"/>
              <a:gd name="connsiteX2" fmla="*/ 3542229 w 3871489"/>
              <a:gd name="connsiteY2" fmla="*/ 68006 h 4096327"/>
              <a:gd name="connsiteX3" fmla="*/ 3871489 w 3871489"/>
              <a:gd name="connsiteY3" fmla="*/ 1368323 h 4096327"/>
              <a:gd name="connsiteX4" fmla="*/ 1143485 w 3871489"/>
              <a:gd name="connsiteY4" fmla="*/ 4096327 h 4096327"/>
              <a:gd name="connsiteX5" fmla="*/ 81633 w 3871489"/>
              <a:gd name="connsiteY5" fmla="*/ 3881944 h 4096327"/>
              <a:gd name="connsiteX6" fmla="*/ 0 w 3871489"/>
              <a:gd name="connsiteY6" fmla="*/ 3842618 h 4096327"/>
              <a:gd name="connsiteX7" fmla="*/ 0 w 3871489"/>
              <a:gd name="connsiteY7" fmla="*/ 2741475 h 4096327"/>
              <a:gd name="connsiteX8" fmla="*/ 6615 w 3871489"/>
              <a:gd name="connsiteY8" fmla="*/ 2747487 h 4096327"/>
              <a:gd name="connsiteX9" fmla="*/ 1143485 w 3871489"/>
              <a:gd name="connsiteY9" fmla="*/ 3155655 h 4096327"/>
              <a:gd name="connsiteX10" fmla="*/ 2930817 w 3871489"/>
              <a:gd name="connsiteY10" fmla="*/ 1368323 h 4096327"/>
              <a:gd name="connsiteX11" fmla="*/ 2407287 w 3871489"/>
              <a:gd name="connsiteY11" fmla="*/ 104524 h 409632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3871489" h="4096327">
                <a:moveTo>
                  <a:pt x="2292284" y="0"/>
                </a:moveTo>
                <a:lnTo>
                  <a:pt x="3500914" y="0"/>
                </a:lnTo>
                <a:lnTo>
                  <a:pt x="3542229" y="68006"/>
                </a:lnTo>
                <a:cubicBezTo>
                  <a:pt x="3752213" y="454545"/>
                  <a:pt x="3871489" y="897507"/>
                  <a:pt x="3871489" y="1368323"/>
                </a:cubicBezTo>
                <a:cubicBezTo>
                  <a:pt x="3871489" y="2874936"/>
                  <a:pt x="2650098" y="4096327"/>
                  <a:pt x="1143485" y="4096327"/>
                </a:cubicBezTo>
                <a:cubicBezTo>
                  <a:pt x="766832" y="4096327"/>
                  <a:pt x="408006" y="4019990"/>
                  <a:pt x="81633" y="3881944"/>
                </a:cubicBezTo>
                <a:lnTo>
                  <a:pt x="0" y="3842618"/>
                </a:lnTo>
                <a:lnTo>
                  <a:pt x="0" y="2741475"/>
                </a:lnTo>
                <a:lnTo>
                  <a:pt x="6615" y="2747487"/>
                </a:lnTo>
                <a:cubicBezTo>
                  <a:pt x="315579" y="3002472"/>
                  <a:pt x="711663" y="3155655"/>
                  <a:pt x="1143485" y="3155655"/>
                </a:cubicBezTo>
                <a:cubicBezTo>
                  <a:pt x="2130515" y="3155655"/>
                  <a:pt x="2930817" y="2355353"/>
                  <a:pt x="2930817" y="1368323"/>
                </a:cubicBezTo>
                <a:cubicBezTo>
                  <a:pt x="2930817" y="874812"/>
                  <a:pt x="2730741" y="427979"/>
                  <a:pt x="2407287" y="104524"/>
                </a:cubicBezTo>
                <a:close/>
              </a:path>
            </a:pathLst>
          </a:custGeom>
          <a:solidFill>
            <a:srgbClr val="FFFFFF"/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>
              <a:solidFill>
                <a:schemeClr val="accent1"/>
              </a:solidFill>
            </a:endParaRPr>
          </a:p>
        </p:txBody>
      </p:sp>
      <p:sp>
        <p:nvSpPr>
          <p:cNvPr id="75" name="Freeform: Shape 74">
            <a:extLst>
              <a:ext uri="{FF2B5EF4-FFF2-40B4-BE49-F238E27FC236}">
                <a16:creationId xmlns:a16="http://schemas.microsoft.com/office/drawing/2014/main" id="{5C431250-2534-41F8-915B-18FCC65650F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3" y="2"/>
            <a:ext cx="2134216" cy="2258161"/>
          </a:xfrm>
          <a:custGeom>
            <a:avLst/>
            <a:gdLst>
              <a:gd name="connsiteX0" fmla="*/ 2292284 w 3871489"/>
              <a:gd name="connsiteY0" fmla="*/ 0 h 4096327"/>
              <a:gd name="connsiteX1" fmla="*/ 3500914 w 3871489"/>
              <a:gd name="connsiteY1" fmla="*/ 0 h 4096327"/>
              <a:gd name="connsiteX2" fmla="*/ 3542229 w 3871489"/>
              <a:gd name="connsiteY2" fmla="*/ 68006 h 4096327"/>
              <a:gd name="connsiteX3" fmla="*/ 3871489 w 3871489"/>
              <a:gd name="connsiteY3" fmla="*/ 1368323 h 4096327"/>
              <a:gd name="connsiteX4" fmla="*/ 1143485 w 3871489"/>
              <a:gd name="connsiteY4" fmla="*/ 4096327 h 4096327"/>
              <a:gd name="connsiteX5" fmla="*/ 81633 w 3871489"/>
              <a:gd name="connsiteY5" fmla="*/ 3881944 h 4096327"/>
              <a:gd name="connsiteX6" fmla="*/ 0 w 3871489"/>
              <a:gd name="connsiteY6" fmla="*/ 3842618 h 4096327"/>
              <a:gd name="connsiteX7" fmla="*/ 0 w 3871489"/>
              <a:gd name="connsiteY7" fmla="*/ 2741475 h 4096327"/>
              <a:gd name="connsiteX8" fmla="*/ 6615 w 3871489"/>
              <a:gd name="connsiteY8" fmla="*/ 2747487 h 4096327"/>
              <a:gd name="connsiteX9" fmla="*/ 1143485 w 3871489"/>
              <a:gd name="connsiteY9" fmla="*/ 3155655 h 4096327"/>
              <a:gd name="connsiteX10" fmla="*/ 2930817 w 3871489"/>
              <a:gd name="connsiteY10" fmla="*/ 1368323 h 4096327"/>
              <a:gd name="connsiteX11" fmla="*/ 2407287 w 3871489"/>
              <a:gd name="connsiteY11" fmla="*/ 104524 h 409632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3871489" h="4096327">
                <a:moveTo>
                  <a:pt x="2292284" y="0"/>
                </a:moveTo>
                <a:lnTo>
                  <a:pt x="3500914" y="0"/>
                </a:lnTo>
                <a:lnTo>
                  <a:pt x="3542229" y="68006"/>
                </a:lnTo>
                <a:cubicBezTo>
                  <a:pt x="3752213" y="454545"/>
                  <a:pt x="3871489" y="897507"/>
                  <a:pt x="3871489" y="1368323"/>
                </a:cubicBezTo>
                <a:cubicBezTo>
                  <a:pt x="3871489" y="2874936"/>
                  <a:pt x="2650098" y="4096327"/>
                  <a:pt x="1143485" y="4096327"/>
                </a:cubicBezTo>
                <a:cubicBezTo>
                  <a:pt x="766832" y="4096327"/>
                  <a:pt x="408006" y="4019990"/>
                  <a:pt x="81633" y="3881944"/>
                </a:cubicBezTo>
                <a:lnTo>
                  <a:pt x="0" y="3842618"/>
                </a:lnTo>
                <a:lnTo>
                  <a:pt x="0" y="2741475"/>
                </a:lnTo>
                <a:lnTo>
                  <a:pt x="6615" y="2747487"/>
                </a:lnTo>
                <a:cubicBezTo>
                  <a:pt x="315579" y="3002472"/>
                  <a:pt x="711663" y="3155655"/>
                  <a:pt x="1143485" y="3155655"/>
                </a:cubicBezTo>
                <a:cubicBezTo>
                  <a:pt x="2130515" y="3155655"/>
                  <a:pt x="2930817" y="2355353"/>
                  <a:pt x="2930817" y="1368323"/>
                </a:cubicBezTo>
                <a:cubicBezTo>
                  <a:pt x="2930817" y="874812"/>
                  <a:pt x="2730741" y="427979"/>
                  <a:pt x="2407287" y="104524"/>
                </a:cubicBezTo>
                <a:close/>
              </a:path>
            </a:pathLst>
          </a:custGeom>
          <a:solidFill>
            <a:schemeClr val="accent1">
              <a:alpha val="20000"/>
            </a:schemeClr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>
              <a:solidFill>
                <a:schemeClr val="accent1"/>
              </a:solidFill>
            </a:endParaRPr>
          </a:p>
        </p:txBody>
      </p:sp>
      <p:grpSp>
        <p:nvGrpSpPr>
          <p:cNvPr id="76" name="Group 75">
            <a:extLst>
              <a:ext uri="{FF2B5EF4-FFF2-40B4-BE49-F238E27FC236}">
                <a16:creationId xmlns:a16="http://schemas.microsoft.com/office/drawing/2014/main" id="{73D7C106-260D-4F16-93A6-3C076C9E6C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1481312" y="743744"/>
            <a:ext cx="4860256" cy="4589316"/>
            <a:chOff x="1481312" y="743744"/>
            <a:chExt cx="4860256" cy="4589316"/>
          </a:xfrm>
        </p:grpSpPr>
        <p:sp>
          <p:nvSpPr>
            <p:cNvPr id="77" name="Rectangle 76" descr="Tag=AccentColor&#10;Flavor=Light&#10;Target=Fill">
              <a:extLst>
                <a:ext uri="{FF2B5EF4-FFF2-40B4-BE49-F238E27FC236}">
                  <a16:creationId xmlns:a16="http://schemas.microsoft.com/office/drawing/2014/main" id="{CE90353B-4B0C-4677-A170-00AD60175039}"/>
                </a:ext>
              </a:extLst>
            </p:cNvPr>
            <p:cNvSpPr/>
            <p:nvPr/>
          </p:nvSpPr>
          <p:spPr>
            <a:xfrm>
              <a:off x="1481312" y="743744"/>
              <a:ext cx="4860256" cy="4589316"/>
            </a:xfrm>
            <a:prstGeom prst="rect">
              <a:avLst/>
            </a:prstGeom>
            <a:solidFill>
              <a:srgbClr val="FFFFFF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dirty="0">
                <a:solidFill>
                  <a:schemeClr val="accent1"/>
                </a:solidFill>
              </a:endParaRPr>
            </a:p>
          </p:txBody>
        </p:sp>
        <p:sp>
          <p:nvSpPr>
            <p:cNvPr id="78" name="Rectangle 77" descr="Tag=AccentColor&#10;Flavor=Light&#10;Target=Fill">
              <a:extLst>
                <a:ext uri="{FF2B5EF4-FFF2-40B4-BE49-F238E27FC236}">
                  <a16:creationId xmlns:a16="http://schemas.microsoft.com/office/drawing/2014/main" id="{4C70E8BC-9282-41C2-B22A-745DB1C827CF}"/>
                </a:ext>
              </a:extLst>
            </p:cNvPr>
            <p:cNvSpPr/>
            <p:nvPr/>
          </p:nvSpPr>
          <p:spPr>
            <a:xfrm>
              <a:off x="1481312" y="743744"/>
              <a:ext cx="4860256" cy="4589316"/>
            </a:xfrm>
            <a:prstGeom prst="rect">
              <a:avLst/>
            </a:prstGeom>
            <a:solidFill>
              <a:schemeClr val="accent3">
                <a:alpha val="20000"/>
              </a:schemeClr>
            </a:solidFill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 useBgFill="1">
        <p:nvSpPr>
          <p:cNvPr id="79" name="Rectangle 78">
            <a:extLst>
              <a:ext uri="{FF2B5EF4-FFF2-40B4-BE49-F238E27FC236}">
                <a16:creationId xmlns:a16="http://schemas.microsoft.com/office/drawing/2014/main" id="{BB51E472-8334-4DEB-9D39-8E4FFA92E21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1379729" y="648365"/>
            <a:ext cx="4860256" cy="4589316"/>
          </a:xfrm>
          <a:prstGeom prst="rect">
            <a:avLst/>
          </a:prstGeom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0" name="Title 1">
            <a:extLst>
              <a:ext uri="{FF2B5EF4-FFF2-40B4-BE49-F238E27FC236}">
                <a16:creationId xmlns:a16="http://schemas.microsoft.com/office/drawing/2014/main" id="{CC645776-A980-4F78-8E9D-4EA5572A59C6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521269" y="799275"/>
            <a:ext cx="4579668" cy="3028072"/>
          </a:xfrm>
        </p:spPr>
        <p:txBody>
          <a:bodyPr/>
          <a:lstStyle>
            <a:lvl1pPr algn="ctr">
              <a:defRPr sz="6000" b="1" spc="1500" baseline="0"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81" name="Subtitle 2">
            <a:extLst>
              <a:ext uri="{FF2B5EF4-FFF2-40B4-BE49-F238E27FC236}">
                <a16:creationId xmlns:a16="http://schemas.microsoft.com/office/drawing/2014/main" id="{4F03E6E3-0D95-48FF-BBCC-EA589CD1285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521269" y="3919422"/>
            <a:ext cx="4579668" cy="1166797"/>
          </a:xfrm>
        </p:spPr>
        <p:txBody>
          <a:bodyPr/>
          <a:lstStyle>
            <a:lvl1pPr algn="ctr">
              <a:buNone/>
              <a:defRPr sz="2400" spc="400" baseline="0"/>
            </a:lvl1pPr>
          </a:lstStyle>
          <a:p>
            <a:r>
              <a:rPr lang="en-US" dirty="0"/>
              <a:t>CLICK TO ADD SUBTITLE</a:t>
            </a:r>
          </a:p>
        </p:txBody>
      </p:sp>
      <p:sp>
        <p:nvSpPr>
          <p:cNvPr id="82" name="Oval 81">
            <a:extLst>
              <a:ext uri="{FF2B5EF4-FFF2-40B4-BE49-F238E27FC236}">
                <a16:creationId xmlns:a16="http://schemas.microsoft.com/office/drawing/2014/main" id="{10275C51-172D-4FE9-A45A-D3DAD166B85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1199364" y="4074364"/>
            <a:ext cx="365125" cy="365125"/>
          </a:xfrm>
          <a:prstGeom prst="ellipse">
            <a:avLst/>
          </a:prstGeom>
          <a:solidFill>
            <a:srgbClr val="FFFFFF"/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>
              <a:solidFill>
                <a:schemeClr val="accent1"/>
              </a:solidFill>
            </a:endParaRPr>
          </a:p>
        </p:txBody>
      </p:sp>
      <p:sp>
        <p:nvSpPr>
          <p:cNvPr id="83" name="Freeform: Shape 82">
            <a:extLst>
              <a:ext uri="{FF2B5EF4-FFF2-40B4-BE49-F238E27FC236}">
                <a16:creationId xmlns:a16="http://schemas.microsoft.com/office/drawing/2014/main" id="{DB95E389-C1AA-4243-931C-270FE4BB06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10602612" y="5333060"/>
            <a:ext cx="1589388" cy="1524940"/>
          </a:xfrm>
          <a:custGeom>
            <a:avLst/>
            <a:gdLst>
              <a:gd name="connsiteX0" fmla="*/ 2473947 w 3432581"/>
              <a:gd name="connsiteY0" fmla="*/ 0 h 3293393"/>
              <a:gd name="connsiteX1" fmla="*/ 3209623 w 3432581"/>
              <a:gd name="connsiteY1" fmla="*/ 111224 h 3293393"/>
              <a:gd name="connsiteX2" fmla="*/ 3432581 w 3432581"/>
              <a:gd name="connsiteY2" fmla="*/ 192828 h 3293393"/>
              <a:gd name="connsiteX3" fmla="*/ 3432581 w 3432581"/>
              <a:gd name="connsiteY3" fmla="*/ 3293393 h 3293393"/>
              <a:gd name="connsiteX4" fmla="*/ 141884 w 3432581"/>
              <a:gd name="connsiteY4" fmla="*/ 3293393 h 3293393"/>
              <a:gd name="connsiteX5" fmla="*/ 111224 w 3432581"/>
              <a:gd name="connsiteY5" fmla="*/ 3209623 h 3293393"/>
              <a:gd name="connsiteX6" fmla="*/ 0 w 3432581"/>
              <a:gd name="connsiteY6" fmla="*/ 2473947 h 3293393"/>
              <a:gd name="connsiteX7" fmla="*/ 2473947 w 3432581"/>
              <a:gd name="connsiteY7" fmla="*/ 0 h 32933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3432581" h="3293393">
                <a:moveTo>
                  <a:pt x="2473947" y="0"/>
                </a:moveTo>
                <a:cubicBezTo>
                  <a:pt x="2730133" y="0"/>
                  <a:pt x="2977223" y="38940"/>
                  <a:pt x="3209623" y="111224"/>
                </a:cubicBezTo>
                <a:lnTo>
                  <a:pt x="3432581" y="192828"/>
                </a:lnTo>
                <a:lnTo>
                  <a:pt x="3432581" y="3293393"/>
                </a:lnTo>
                <a:lnTo>
                  <a:pt x="141884" y="3293393"/>
                </a:lnTo>
                <a:lnTo>
                  <a:pt x="111224" y="3209623"/>
                </a:lnTo>
                <a:cubicBezTo>
                  <a:pt x="38940" y="2977224"/>
                  <a:pt x="0" y="2730133"/>
                  <a:pt x="0" y="2473947"/>
                </a:cubicBezTo>
                <a:cubicBezTo>
                  <a:pt x="0" y="1107624"/>
                  <a:pt x="1107624" y="0"/>
                  <a:pt x="2473947" y="0"/>
                </a:cubicBezTo>
                <a:close/>
              </a:path>
            </a:pathLst>
          </a:custGeom>
          <a:solidFill>
            <a:srgbClr val="FFFFFF"/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>
              <a:solidFill>
                <a:schemeClr val="accent1"/>
              </a:solidFill>
            </a:endParaRPr>
          </a:p>
        </p:txBody>
      </p:sp>
      <p:sp>
        <p:nvSpPr>
          <p:cNvPr id="84" name="Freeform: Shape 83">
            <a:extLst>
              <a:ext uri="{FF2B5EF4-FFF2-40B4-BE49-F238E27FC236}">
                <a16:creationId xmlns:a16="http://schemas.microsoft.com/office/drawing/2014/main" id="{310E7790-D96D-4055-AA95-63C286EC7D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10602612" y="5333060"/>
            <a:ext cx="1589388" cy="1524940"/>
          </a:xfrm>
          <a:custGeom>
            <a:avLst/>
            <a:gdLst>
              <a:gd name="connsiteX0" fmla="*/ 2473947 w 3432581"/>
              <a:gd name="connsiteY0" fmla="*/ 0 h 3293393"/>
              <a:gd name="connsiteX1" fmla="*/ 3209623 w 3432581"/>
              <a:gd name="connsiteY1" fmla="*/ 111224 h 3293393"/>
              <a:gd name="connsiteX2" fmla="*/ 3432581 w 3432581"/>
              <a:gd name="connsiteY2" fmla="*/ 192828 h 3293393"/>
              <a:gd name="connsiteX3" fmla="*/ 3432581 w 3432581"/>
              <a:gd name="connsiteY3" fmla="*/ 3293393 h 3293393"/>
              <a:gd name="connsiteX4" fmla="*/ 141884 w 3432581"/>
              <a:gd name="connsiteY4" fmla="*/ 3293393 h 3293393"/>
              <a:gd name="connsiteX5" fmla="*/ 111224 w 3432581"/>
              <a:gd name="connsiteY5" fmla="*/ 3209623 h 3293393"/>
              <a:gd name="connsiteX6" fmla="*/ 0 w 3432581"/>
              <a:gd name="connsiteY6" fmla="*/ 2473947 h 3293393"/>
              <a:gd name="connsiteX7" fmla="*/ 2473947 w 3432581"/>
              <a:gd name="connsiteY7" fmla="*/ 0 h 32933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3432581" h="3293393">
                <a:moveTo>
                  <a:pt x="2473947" y="0"/>
                </a:moveTo>
                <a:cubicBezTo>
                  <a:pt x="2730133" y="0"/>
                  <a:pt x="2977223" y="38940"/>
                  <a:pt x="3209623" y="111224"/>
                </a:cubicBezTo>
                <a:lnTo>
                  <a:pt x="3432581" y="192828"/>
                </a:lnTo>
                <a:lnTo>
                  <a:pt x="3432581" y="3293393"/>
                </a:lnTo>
                <a:lnTo>
                  <a:pt x="141884" y="3293393"/>
                </a:lnTo>
                <a:lnTo>
                  <a:pt x="111224" y="3209623"/>
                </a:lnTo>
                <a:cubicBezTo>
                  <a:pt x="38940" y="2977224"/>
                  <a:pt x="0" y="2730133"/>
                  <a:pt x="0" y="2473947"/>
                </a:cubicBezTo>
                <a:cubicBezTo>
                  <a:pt x="0" y="1107624"/>
                  <a:pt x="1107624" y="0"/>
                  <a:pt x="2473947" y="0"/>
                </a:cubicBezTo>
                <a:close/>
              </a:path>
            </a:pathLst>
          </a:custGeom>
          <a:solidFill>
            <a:schemeClr val="accent3">
              <a:alpha val="20000"/>
            </a:schemeClr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grpSp>
        <p:nvGrpSpPr>
          <p:cNvPr id="86" name="Graphic 185">
            <a:extLst>
              <a:ext uri="{FF2B5EF4-FFF2-40B4-BE49-F238E27FC236}">
                <a16:creationId xmlns:a16="http://schemas.microsoft.com/office/drawing/2014/main" id="{4E460B18-E051-4152-85D3-76A93C7EA45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9805475" y="1581418"/>
            <a:ext cx="843746" cy="375828"/>
            <a:chOff x="9841624" y="4115729"/>
            <a:chExt cx="602170" cy="268223"/>
          </a:xfrm>
          <a:solidFill>
            <a:schemeClr val="tx1"/>
          </a:solidFill>
        </p:grpSpPr>
        <p:sp>
          <p:nvSpPr>
            <p:cNvPr id="87" name="Freeform: Shape 86">
              <a:extLst>
                <a:ext uri="{FF2B5EF4-FFF2-40B4-BE49-F238E27FC236}">
                  <a16:creationId xmlns:a16="http://schemas.microsoft.com/office/drawing/2014/main" id="{94B28A43-F583-4902-9997-46A4D316FB8A}"/>
                </a:ext>
              </a:extLst>
            </p:cNvPr>
            <p:cNvSpPr/>
            <p:nvPr/>
          </p:nvSpPr>
          <p:spPr>
            <a:xfrm>
              <a:off x="9841624" y="4115729"/>
              <a:ext cx="202882" cy="268223"/>
            </a:xfrm>
            <a:custGeom>
              <a:avLst/>
              <a:gdLst>
                <a:gd name="connsiteX0" fmla="*/ 20765 w 202882"/>
                <a:gd name="connsiteY0" fmla="*/ 268224 h 268223"/>
                <a:gd name="connsiteX1" fmla="*/ 0 w 202882"/>
                <a:gd name="connsiteY1" fmla="*/ 268224 h 268223"/>
                <a:gd name="connsiteX2" fmla="*/ 182118 w 202882"/>
                <a:gd name="connsiteY2" fmla="*/ 0 h 268223"/>
                <a:gd name="connsiteX3" fmla="*/ 202883 w 202882"/>
                <a:gd name="connsiteY3" fmla="*/ 0 h 2682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2882" h="268223">
                  <a:moveTo>
                    <a:pt x="20765" y="268224"/>
                  </a:moveTo>
                  <a:lnTo>
                    <a:pt x="0" y="268224"/>
                  </a:lnTo>
                  <a:lnTo>
                    <a:pt x="182118" y="0"/>
                  </a:lnTo>
                  <a:lnTo>
                    <a:pt x="202883" y="0"/>
                  </a:lnTo>
                  <a:close/>
                </a:path>
              </a:pathLst>
            </a:custGeom>
            <a:grpFill/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dirty="0">
                <a:solidFill>
                  <a:schemeClr val="accent1"/>
                </a:solidFill>
              </a:endParaRPr>
            </a:p>
          </p:txBody>
        </p:sp>
        <p:sp>
          <p:nvSpPr>
            <p:cNvPr id="88" name="Freeform: Shape 87">
              <a:extLst>
                <a:ext uri="{FF2B5EF4-FFF2-40B4-BE49-F238E27FC236}">
                  <a16:creationId xmlns:a16="http://schemas.microsoft.com/office/drawing/2014/main" id="{8BCE79F2-2624-4906-9841-566BD8DDA4AD}"/>
                </a:ext>
              </a:extLst>
            </p:cNvPr>
            <p:cNvSpPr/>
            <p:nvPr/>
          </p:nvSpPr>
          <p:spPr>
            <a:xfrm>
              <a:off x="9941445" y="4115729"/>
              <a:ext cx="202882" cy="268223"/>
            </a:xfrm>
            <a:custGeom>
              <a:avLst/>
              <a:gdLst>
                <a:gd name="connsiteX0" fmla="*/ 20765 w 202882"/>
                <a:gd name="connsiteY0" fmla="*/ 268224 h 268223"/>
                <a:gd name="connsiteX1" fmla="*/ 0 w 202882"/>
                <a:gd name="connsiteY1" fmla="*/ 268224 h 268223"/>
                <a:gd name="connsiteX2" fmla="*/ 182118 w 202882"/>
                <a:gd name="connsiteY2" fmla="*/ 0 h 268223"/>
                <a:gd name="connsiteX3" fmla="*/ 202883 w 202882"/>
                <a:gd name="connsiteY3" fmla="*/ 0 h 2682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2882" h="268223">
                  <a:moveTo>
                    <a:pt x="20765" y="268224"/>
                  </a:moveTo>
                  <a:lnTo>
                    <a:pt x="0" y="268224"/>
                  </a:lnTo>
                  <a:lnTo>
                    <a:pt x="182118" y="0"/>
                  </a:lnTo>
                  <a:lnTo>
                    <a:pt x="202883" y="0"/>
                  </a:lnTo>
                  <a:close/>
                </a:path>
              </a:pathLst>
            </a:custGeom>
            <a:grpFill/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dirty="0">
                <a:solidFill>
                  <a:schemeClr val="accent1"/>
                </a:solidFill>
              </a:endParaRPr>
            </a:p>
          </p:txBody>
        </p:sp>
        <p:sp>
          <p:nvSpPr>
            <p:cNvPr id="89" name="Freeform: Shape 88">
              <a:extLst>
                <a:ext uri="{FF2B5EF4-FFF2-40B4-BE49-F238E27FC236}">
                  <a16:creationId xmlns:a16="http://schemas.microsoft.com/office/drawing/2014/main" id="{4AF102FA-9C0A-4844-A187-23CECD95C4AF}"/>
                </a:ext>
              </a:extLst>
            </p:cNvPr>
            <p:cNvSpPr/>
            <p:nvPr/>
          </p:nvSpPr>
          <p:spPr>
            <a:xfrm>
              <a:off x="10041267" y="4115729"/>
              <a:ext cx="202882" cy="268223"/>
            </a:xfrm>
            <a:custGeom>
              <a:avLst/>
              <a:gdLst>
                <a:gd name="connsiteX0" fmla="*/ 20669 w 202882"/>
                <a:gd name="connsiteY0" fmla="*/ 268224 h 268223"/>
                <a:gd name="connsiteX1" fmla="*/ 0 w 202882"/>
                <a:gd name="connsiteY1" fmla="*/ 268224 h 268223"/>
                <a:gd name="connsiteX2" fmla="*/ 182118 w 202882"/>
                <a:gd name="connsiteY2" fmla="*/ 0 h 268223"/>
                <a:gd name="connsiteX3" fmla="*/ 202883 w 202882"/>
                <a:gd name="connsiteY3" fmla="*/ 0 h 2682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2882" h="268223">
                  <a:moveTo>
                    <a:pt x="20669" y="268224"/>
                  </a:moveTo>
                  <a:lnTo>
                    <a:pt x="0" y="268224"/>
                  </a:lnTo>
                  <a:lnTo>
                    <a:pt x="182118" y="0"/>
                  </a:lnTo>
                  <a:lnTo>
                    <a:pt x="202883" y="0"/>
                  </a:lnTo>
                  <a:close/>
                </a:path>
              </a:pathLst>
            </a:custGeom>
            <a:grpFill/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dirty="0">
                <a:solidFill>
                  <a:schemeClr val="accent1"/>
                </a:solidFill>
              </a:endParaRPr>
            </a:p>
          </p:txBody>
        </p:sp>
        <p:sp>
          <p:nvSpPr>
            <p:cNvPr id="90" name="Freeform: Shape 89">
              <a:extLst>
                <a:ext uri="{FF2B5EF4-FFF2-40B4-BE49-F238E27FC236}">
                  <a16:creationId xmlns:a16="http://schemas.microsoft.com/office/drawing/2014/main" id="{BC9F252A-1680-4777-BF7D-67B153676A1D}"/>
                </a:ext>
              </a:extLst>
            </p:cNvPr>
            <p:cNvSpPr/>
            <p:nvPr/>
          </p:nvSpPr>
          <p:spPr>
            <a:xfrm>
              <a:off x="10141090" y="4115729"/>
              <a:ext cx="202882" cy="268223"/>
            </a:xfrm>
            <a:custGeom>
              <a:avLst/>
              <a:gdLst>
                <a:gd name="connsiteX0" fmla="*/ 20669 w 202882"/>
                <a:gd name="connsiteY0" fmla="*/ 268224 h 268223"/>
                <a:gd name="connsiteX1" fmla="*/ 0 w 202882"/>
                <a:gd name="connsiteY1" fmla="*/ 268224 h 268223"/>
                <a:gd name="connsiteX2" fmla="*/ 182118 w 202882"/>
                <a:gd name="connsiteY2" fmla="*/ 0 h 268223"/>
                <a:gd name="connsiteX3" fmla="*/ 202883 w 202882"/>
                <a:gd name="connsiteY3" fmla="*/ 0 h 2682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2882" h="268223">
                  <a:moveTo>
                    <a:pt x="20669" y="268224"/>
                  </a:moveTo>
                  <a:lnTo>
                    <a:pt x="0" y="268224"/>
                  </a:lnTo>
                  <a:lnTo>
                    <a:pt x="182118" y="0"/>
                  </a:lnTo>
                  <a:lnTo>
                    <a:pt x="202883" y="0"/>
                  </a:lnTo>
                  <a:close/>
                </a:path>
              </a:pathLst>
            </a:custGeom>
            <a:grpFill/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dirty="0">
                <a:solidFill>
                  <a:schemeClr val="accent1"/>
                </a:solidFill>
              </a:endParaRPr>
            </a:p>
          </p:txBody>
        </p:sp>
        <p:sp>
          <p:nvSpPr>
            <p:cNvPr id="91" name="Freeform: Shape 90">
              <a:extLst>
                <a:ext uri="{FF2B5EF4-FFF2-40B4-BE49-F238E27FC236}">
                  <a16:creationId xmlns:a16="http://schemas.microsoft.com/office/drawing/2014/main" id="{6D161B24-FE00-4550-AB2C-02C42C60B824}"/>
                </a:ext>
              </a:extLst>
            </p:cNvPr>
            <p:cNvSpPr/>
            <p:nvPr/>
          </p:nvSpPr>
          <p:spPr>
            <a:xfrm>
              <a:off x="10240911" y="4115729"/>
              <a:ext cx="202882" cy="268223"/>
            </a:xfrm>
            <a:custGeom>
              <a:avLst/>
              <a:gdLst>
                <a:gd name="connsiteX0" fmla="*/ 20669 w 202882"/>
                <a:gd name="connsiteY0" fmla="*/ 268224 h 268223"/>
                <a:gd name="connsiteX1" fmla="*/ 0 w 202882"/>
                <a:gd name="connsiteY1" fmla="*/ 268224 h 268223"/>
                <a:gd name="connsiteX2" fmla="*/ 182118 w 202882"/>
                <a:gd name="connsiteY2" fmla="*/ 0 h 268223"/>
                <a:gd name="connsiteX3" fmla="*/ 202883 w 202882"/>
                <a:gd name="connsiteY3" fmla="*/ 0 h 2682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2882" h="268223">
                  <a:moveTo>
                    <a:pt x="20669" y="268224"/>
                  </a:moveTo>
                  <a:lnTo>
                    <a:pt x="0" y="268224"/>
                  </a:lnTo>
                  <a:lnTo>
                    <a:pt x="182118" y="0"/>
                  </a:lnTo>
                  <a:lnTo>
                    <a:pt x="202883" y="0"/>
                  </a:lnTo>
                  <a:close/>
                </a:path>
              </a:pathLst>
            </a:custGeom>
            <a:grpFill/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dirty="0">
                <a:solidFill>
                  <a:schemeClr val="accent1"/>
                </a:solidFill>
              </a:endParaRPr>
            </a:p>
          </p:txBody>
        </p:sp>
      </p:grpSp>
      <p:sp>
        <p:nvSpPr>
          <p:cNvPr id="92" name="Oval 91">
            <a:extLst>
              <a:ext uri="{FF2B5EF4-FFF2-40B4-BE49-F238E27FC236}">
                <a16:creationId xmlns:a16="http://schemas.microsoft.com/office/drawing/2014/main" id="{DAD8B4A3-DD6F-428E-9D74-E63865CE7D0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1199364" y="4074364"/>
            <a:ext cx="365125" cy="365125"/>
          </a:xfrm>
          <a:prstGeom prst="ellipse">
            <a:avLst/>
          </a:prstGeom>
          <a:solidFill>
            <a:schemeClr val="accent3">
              <a:lumMod val="20000"/>
              <a:lumOff val="80000"/>
            </a:schemeClr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96" name="Picture Placeholder 2">
            <a:extLst>
              <a:ext uri="{FF2B5EF4-FFF2-40B4-BE49-F238E27FC236}">
                <a16:creationId xmlns:a16="http://schemas.microsoft.com/office/drawing/2014/main" id="{99E7F282-7DB7-4431-A6A3-9E912E06F81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068418" y="1957246"/>
            <a:ext cx="4207947" cy="4207948"/>
          </a:xfrm>
        </p:spPr>
        <p:txBody>
          <a:bodyPr/>
          <a:lstStyle>
            <a:lvl1pPr algn="ctr">
              <a:buNone/>
              <a:defRPr/>
            </a:lvl1pPr>
          </a:lstStyle>
          <a:p>
            <a:r>
              <a:rPr lang="en-US" dirty="0"/>
              <a:t>Click to add photo</a:t>
            </a:r>
          </a:p>
        </p:txBody>
      </p:sp>
    </p:spTree>
    <p:extLst>
      <p:ext uri="{BB962C8B-B14F-4D97-AF65-F5344CB8AC3E}">
        <p14:creationId xmlns:p14="http://schemas.microsoft.com/office/powerpoint/2010/main" val="386300877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0" name="Title 1">
            <a:extLst>
              <a:ext uri="{FF2B5EF4-FFF2-40B4-BE49-F238E27FC236}">
                <a16:creationId xmlns:a16="http://schemas.microsoft.com/office/drawing/2014/main" id="{BF92C786-F148-4356-BCC8-D4DB6DC803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56784" y="396117"/>
            <a:ext cx="5217172" cy="1158857"/>
          </a:xfrm>
        </p:spPr>
        <p:txBody>
          <a:bodyPr anchor="b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5" name="Picture Placeholder 2">
            <a:extLst>
              <a:ext uri="{FF2B5EF4-FFF2-40B4-BE49-F238E27FC236}">
                <a16:creationId xmlns:a16="http://schemas.microsoft.com/office/drawing/2014/main" id="{CC8A9357-2526-4109-8861-DCB89A78CA7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526293" y="1554582"/>
            <a:ext cx="3555043" cy="3217333"/>
          </a:xfrm>
        </p:spPr>
        <p:txBody>
          <a:bodyPr/>
          <a:lstStyle>
            <a:lvl1pPr>
              <a:buFontTx/>
              <a:buNone/>
              <a:defRPr/>
            </a:lvl1pPr>
          </a:lstStyle>
          <a:p>
            <a:r>
              <a:rPr lang="en-US" dirty="0"/>
              <a:t>Click to add photo</a:t>
            </a:r>
          </a:p>
        </p:txBody>
      </p:sp>
      <p:sp>
        <p:nvSpPr>
          <p:cNvPr id="298" name="Content Placeholder 2">
            <a:extLst>
              <a:ext uri="{FF2B5EF4-FFF2-40B4-BE49-F238E27FC236}">
                <a16:creationId xmlns:a16="http://schemas.microsoft.com/office/drawing/2014/main" id="{F0A93A7F-1937-4643-B9E7-342A8CB87BB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956783" y="1747592"/>
            <a:ext cx="5217173" cy="4351338"/>
          </a:xfrm>
        </p:spPr>
        <p:txBody>
          <a:bodyPr>
            <a:normAutofit/>
          </a:bodyPr>
          <a:lstStyle>
            <a:lvl1pPr>
              <a:buFontTx/>
              <a:buNone/>
              <a:defRPr sz="2400"/>
            </a:lvl1pPr>
          </a:lstStyle>
          <a:p>
            <a:pPr>
              <a:lnSpc>
                <a:spcPct val="130000"/>
              </a:lnSpc>
            </a:pPr>
            <a:r>
              <a:rPr lang="en-US" dirty="0"/>
              <a:t>Click to add text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B5082B2A-0AFE-456C-9506-A5DAF807FFE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739959" y="3491269"/>
            <a:ext cx="365021" cy="365021"/>
            <a:chOff x="739959" y="3491269"/>
            <a:chExt cx="365021" cy="365021"/>
          </a:xfrm>
        </p:grpSpPr>
        <p:sp>
          <p:nvSpPr>
            <p:cNvPr id="267" name="Oval 266">
              <a:extLst>
                <a:ext uri="{FF2B5EF4-FFF2-40B4-BE49-F238E27FC236}">
                  <a16:creationId xmlns:a16="http://schemas.microsoft.com/office/drawing/2014/main" id="{1D723022-AE16-42E7-AB92-B0D8FA9619B6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 userDrawn="1"/>
          </p:nvSpPr>
          <p:spPr>
            <a:xfrm>
              <a:off x="739959" y="3491269"/>
              <a:ext cx="365021" cy="365021"/>
            </a:xfrm>
            <a:prstGeom prst="ellipse">
              <a:avLst/>
            </a:prstGeom>
            <a:solidFill>
              <a:srgbClr val="FFFFFF"/>
            </a:solidFill>
            <a:ln w="2857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dirty="0"/>
            </a:p>
          </p:txBody>
        </p:sp>
        <p:sp>
          <p:nvSpPr>
            <p:cNvPr id="268" name="Oval 267">
              <a:extLst>
                <a:ext uri="{FF2B5EF4-FFF2-40B4-BE49-F238E27FC236}">
                  <a16:creationId xmlns:a16="http://schemas.microsoft.com/office/drawing/2014/main" id="{01A660D0-3253-401B-9F04-DD8E71CC7A7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 userDrawn="1"/>
          </p:nvSpPr>
          <p:spPr>
            <a:xfrm>
              <a:off x="739959" y="3491269"/>
              <a:ext cx="365021" cy="365021"/>
            </a:xfrm>
            <a:prstGeom prst="ellipse">
              <a:avLst/>
            </a:prstGeom>
            <a:solidFill>
              <a:schemeClr val="accent1">
                <a:alpha val="20000"/>
              </a:schemeClr>
            </a:solidFill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dirty="0"/>
            </a:p>
          </p:txBody>
        </p:sp>
      </p:grpSp>
      <p:grpSp>
        <p:nvGrpSpPr>
          <p:cNvPr id="2" name="Group 1">
            <a:extLst>
              <a:ext uri="{FF2B5EF4-FFF2-40B4-BE49-F238E27FC236}">
                <a16:creationId xmlns:a16="http://schemas.microsoft.com/office/drawing/2014/main" id="{7D1E36DE-F754-4C67-AEDB-7A4CD5259E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496583" y="550047"/>
            <a:ext cx="1910252" cy="709661"/>
            <a:chOff x="496583" y="795582"/>
            <a:chExt cx="1910252" cy="709661"/>
          </a:xfrm>
        </p:grpSpPr>
        <p:grpSp>
          <p:nvGrpSpPr>
            <p:cNvPr id="261" name="Graphic 38">
              <a:extLst>
                <a:ext uri="{FF2B5EF4-FFF2-40B4-BE49-F238E27FC236}">
                  <a16:creationId xmlns:a16="http://schemas.microsoft.com/office/drawing/2014/main" id="{A4AD9011-9DCC-4A0F-BA80-27E6D3D5C046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GrpSpPr/>
            <p:nvPr userDrawn="1"/>
          </p:nvGrpSpPr>
          <p:grpSpPr>
            <a:xfrm>
              <a:off x="496583" y="795582"/>
              <a:ext cx="1910252" cy="709661"/>
              <a:chOff x="2267504" y="2540250"/>
              <a:chExt cx="1990951" cy="739641"/>
            </a:xfrm>
            <a:solidFill>
              <a:schemeClr val="tx1"/>
            </a:solidFill>
          </p:grpSpPr>
          <p:sp>
            <p:nvSpPr>
              <p:cNvPr id="262" name="Freeform: Shape 261">
                <a:extLst>
                  <a:ext uri="{FF2B5EF4-FFF2-40B4-BE49-F238E27FC236}">
                    <a16:creationId xmlns:a16="http://schemas.microsoft.com/office/drawing/2014/main" id="{A0221D30-DD4B-4E09-850A-CBBAAA4A051C}"/>
                  </a:ext>
                </a:extLst>
              </p:cNvPr>
              <p:cNvSpPr/>
              <p:nvPr/>
            </p:nvSpPr>
            <p:spPr>
              <a:xfrm>
                <a:off x="2267504" y="2540250"/>
                <a:ext cx="1990951" cy="286230"/>
              </a:xfrm>
              <a:custGeom>
                <a:avLst/>
                <a:gdLst>
                  <a:gd name="connsiteX0" fmla="*/ 1489414 w 1990951"/>
                  <a:gd name="connsiteY0" fmla="*/ 286231 h 286230"/>
                  <a:gd name="connsiteX1" fmla="*/ 1243712 w 1990951"/>
                  <a:gd name="connsiteY1" fmla="*/ 40528 h 286230"/>
                  <a:gd name="connsiteX2" fmla="*/ 995476 w 1990951"/>
                  <a:gd name="connsiteY2" fmla="*/ 286231 h 286230"/>
                  <a:gd name="connsiteX3" fmla="*/ 749773 w 1990951"/>
                  <a:gd name="connsiteY3" fmla="*/ 40528 h 286230"/>
                  <a:gd name="connsiteX4" fmla="*/ 504071 w 1990951"/>
                  <a:gd name="connsiteY4" fmla="*/ 286231 h 286230"/>
                  <a:gd name="connsiteX5" fmla="*/ 255835 w 1990951"/>
                  <a:gd name="connsiteY5" fmla="*/ 40528 h 286230"/>
                  <a:gd name="connsiteX6" fmla="*/ 20264 w 1990951"/>
                  <a:gd name="connsiteY6" fmla="*/ 276099 h 286230"/>
                  <a:gd name="connsiteX7" fmla="*/ 0 w 1990951"/>
                  <a:gd name="connsiteY7" fmla="*/ 255835 h 286230"/>
                  <a:gd name="connsiteX8" fmla="*/ 255835 w 1990951"/>
                  <a:gd name="connsiteY8" fmla="*/ 0 h 286230"/>
                  <a:gd name="connsiteX9" fmla="*/ 504071 w 1990951"/>
                  <a:gd name="connsiteY9" fmla="*/ 245703 h 286230"/>
                  <a:gd name="connsiteX10" fmla="*/ 749773 w 1990951"/>
                  <a:gd name="connsiteY10" fmla="*/ 0 h 286230"/>
                  <a:gd name="connsiteX11" fmla="*/ 995476 w 1990951"/>
                  <a:gd name="connsiteY11" fmla="*/ 245703 h 286230"/>
                  <a:gd name="connsiteX12" fmla="*/ 1243712 w 1990951"/>
                  <a:gd name="connsiteY12" fmla="*/ 0 h 286230"/>
                  <a:gd name="connsiteX13" fmla="*/ 1489414 w 1990951"/>
                  <a:gd name="connsiteY13" fmla="*/ 245703 h 286230"/>
                  <a:gd name="connsiteX14" fmla="*/ 1735117 w 1990951"/>
                  <a:gd name="connsiteY14" fmla="*/ 0 h 286230"/>
                  <a:gd name="connsiteX15" fmla="*/ 1990952 w 1990951"/>
                  <a:gd name="connsiteY15" fmla="*/ 255835 h 286230"/>
                  <a:gd name="connsiteX16" fmla="*/ 1973221 w 1990951"/>
                  <a:gd name="connsiteY16" fmla="*/ 276099 h 286230"/>
                  <a:gd name="connsiteX17" fmla="*/ 1735117 w 1990951"/>
                  <a:gd name="connsiteY17" fmla="*/ 40528 h 2862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990951" h="286230">
                    <a:moveTo>
                      <a:pt x="1489414" y="286231"/>
                    </a:moveTo>
                    <a:lnTo>
                      <a:pt x="1243712" y="40528"/>
                    </a:lnTo>
                    <a:lnTo>
                      <a:pt x="995476" y="286231"/>
                    </a:lnTo>
                    <a:lnTo>
                      <a:pt x="749773" y="40528"/>
                    </a:lnTo>
                    <a:lnTo>
                      <a:pt x="504071" y="286231"/>
                    </a:lnTo>
                    <a:lnTo>
                      <a:pt x="255835" y="40528"/>
                    </a:lnTo>
                    <a:lnTo>
                      <a:pt x="20264" y="276099"/>
                    </a:lnTo>
                    <a:lnTo>
                      <a:pt x="0" y="255835"/>
                    </a:lnTo>
                    <a:lnTo>
                      <a:pt x="255835" y="0"/>
                    </a:lnTo>
                    <a:lnTo>
                      <a:pt x="504071" y="245703"/>
                    </a:lnTo>
                    <a:lnTo>
                      <a:pt x="749773" y="0"/>
                    </a:lnTo>
                    <a:lnTo>
                      <a:pt x="995476" y="245703"/>
                    </a:lnTo>
                    <a:lnTo>
                      <a:pt x="1243712" y="0"/>
                    </a:lnTo>
                    <a:lnTo>
                      <a:pt x="1489414" y="245703"/>
                    </a:lnTo>
                    <a:lnTo>
                      <a:pt x="1735117" y="0"/>
                    </a:lnTo>
                    <a:lnTo>
                      <a:pt x="1990952" y="255835"/>
                    </a:lnTo>
                    <a:lnTo>
                      <a:pt x="1973221" y="276099"/>
                    </a:lnTo>
                    <a:lnTo>
                      <a:pt x="1735117" y="40528"/>
                    </a:lnTo>
                    <a:close/>
                  </a:path>
                </a:pathLst>
              </a:custGeom>
              <a:grpFill/>
              <a:ln w="2532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dirty="0"/>
              </a:p>
            </p:txBody>
          </p:sp>
          <p:sp>
            <p:nvSpPr>
              <p:cNvPr id="263" name="Freeform: Shape 262">
                <a:extLst>
                  <a:ext uri="{FF2B5EF4-FFF2-40B4-BE49-F238E27FC236}">
                    <a16:creationId xmlns:a16="http://schemas.microsoft.com/office/drawing/2014/main" id="{3FDF1E24-BE7D-49F6-A5A0-29D2796918E4}"/>
                  </a:ext>
                </a:extLst>
              </p:cNvPr>
              <p:cNvSpPr/>
              <p:nvPr/>
            </p:nvSpPr>
            <p:spPr>
              <a:xfrm>
                <a:off x="2267504" y="2993660"/>
                <a:ext cx="1990951" cy="286230"/>
              </a:xfrm>
              <a:custGeom>
                <a:avLst/>
                <a:gdLst>
                  <a:gd name="connsiteX0" fmla="*/ 1489414 w 1990951"/>
                  <a:gd name="connsiteY0" fmla="*/ 286231 h 286230"/>
                  <a:gd name="connsiteX1" fmla="*/ 1243712 w 1990951"/>
                  <a:gd name="connsiteY1" fmla="*/ 40528 h 286230"/>
                  <a:gd name="connsiteX2" fmla="*/ 995476 w 1990951"/>
                  <a:gd name="connsiteY2" fmla="*/ 286231 h 286230"/>
                  <a:gd name="connsiteX3" fmla="*/ 749773 w 1990951"/>
                  <a:gd name="connsiteY3" fmla="*/ 40528 h 286230"/>
                  <a:gd name="connsiteX4" fmla="*/ 504071 w 1990951"/>
                  <a:gd name="connsiteY4" fmla="*/ 286231 h 286230"/>
                  <a:gd name="connsiteX5" fmla="*/ 255835 w 1990951"/>
                  <a:gd name="connsiteY5" fmla="*/ 40528 h 286230"/>
                  <a:gd name="connsiteX6" fmla="*/ 20264 w 1990951"/>
                  <a:gd name="connsiteY6" fmla="*/ 276099 h 286230"/>
                  <a:gd name="connsiteX7" fmla="*/ 0 w 1990951"/>
                  <a:gd name="connsiteY7" fmla="*/ 258368 h 286230"/>
                  <a:gd name="connsiteX8" fmla="*/ 255835 w 1990951"/>
                  <a:gd name="connsiteY8" fmla="*/ 0 h 286230"/>
                  <a:gd name="connsiteX9" fmla="*/ 504071 w 1990951"/>
                  <a:gd name="connsiteY9" fmla="*/ 248236 h 286230"/>
                  <a:gd name="connsiteX10" fmla="*/ 749773 w 1990951"/>
                  <a:gd name="connsiteY10" fmla="*/ 0 h 286230"/>
                  <a:gd name="connsiteX11" fmla="*/ 995476 w 1990951"/>
                  <a:gd name="connsiteY11" fmla="*/ 248236 h 286230"/>
                  <a:gd name="connsiteX12" fmla="*/ 1243712 w 1990951"/>
                  <a:gd name="connsiteY12" fmla="*/ 0 h 286230"/>
                  <a:gd name="connsiteX13" fmla="*/ 1489414 w 1990951"/>
                  <a:gd name="connsiteY13" fmla="*/ 248236 h 286230"/>
                  <a:gd name="connsiteX14" fmla="*/ 1735117 w 1990951"/>
                  <a:gd name="connsiteY14" fmla="*/ 0 h 286230"/>
                  <a:gd name="connsiteX15" fmla="*/ 1990952 w 1990951"/>
                  <a:gd name="connsiteY15" fmla="*/ 258368 h 286230"/>
                  <a:gd name="connsiteX16" fmla="*/ 1973221 w 1990951"/>
                  <a:gd name="connsiteY16" fmla="*/ 276099 h 286230"/>
                  <a:gd name="connsiteX17" fmla="*/ 1735117 w 1990951"/>
                  <a:gd name="connsiteY17" fmla="*/ 40528 h 2862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990951" h="286230">
                    <a:moveTo>
                      <a:pt x="1489414" y="286231"/>
                    </a:moveTo>
                    <a:lnTo>
                      <a:pt x="1243712" y="40528"/>
                    </a:lnTo>
                    <a:lnTo>
                      <a:pt x="995476" y="286231"/>
                    </a:lnTo>
                    <a:lnTo>
                      <a:pt x="749773" y="40528"/>
                    </a:lnTo>
                    <a:lnTo>
                      <a:pt x="504071" y="286231"/>
                    </a:lnTo>
                    <a:lnTo>
                      <a:pt x="255835" y="40528"/>
                    </a:lnTo>
                    <a:lnTo>
                      <a:pt x="20264" y="276099"/>
                    </a:lnTo>
                    <a:lnTo>
                      <a:pt x="0" y="258368"/>
                    </a:lnTo>
                    <a:lnTo>
                      <a:pt x="255835" y="0"/>
                    </a:lnTo>
                    <a:lnTo>
                      <a:pt x="504071" y="248236"/>
                    </a:lnTo>
                    <a:lnTo>
                      <a:pt x="749773" y="0"/>
                    </a:lnTo>
                    <a:lnTo>
                      <a:pt x="995476" y="248236"/>
                    </a:lnTo>
                    <a:lnTo>
                      <a:pt x="1243712" y="0"/>
                    </a:lnTo>
                    <a:lnTo>
                      <a:pt x="1489414" y="248236"/>
                    </a:lnTo>
                    <a:lnTo>
                      <a:pt x="1735117" y="0"/>
                    </a:lnTo>
                    <a:lnTo>
                      <a:pt x="1990952" y="258368"/>
                    </a:lnTo>
                    <a:lnTo>
                      <a:pt x="1973221" y="276099"/>
                    </a:lnTo>
                    <a:lnTo>
                      <a:pt x="1735117" y="40528"/>
                    </a:lnTo>
                    <a:close/>
                  </a:path>
                </a:pathLst>
              </a:custGeom>
              <a:grpFill/>
              <a:ln w="2532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dirty="0"/>
              </a:p>
            </p:txBody>
          </p:sp>
        </p:grpSp>
        <p:grpSp>
          <p:nvGrpSpPr>
            <p:cNvPr id="264" name="Graphic 38">
              <a:extLst>
                <a:ext uri="{FF2B5EF4-FFF2-40B4-BE49-F238E27FC236}">
                  <a16:creationId xmlns:a16="http://schemas.microsoft.com/office/drawing/2014/main" id="{BBB1AE73-7E55-49A4-8496-2B21B9BAB17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GrpSpPr/>
            <p:nvPr userDrawn="1"/>
          </p:nvGrpSpPr>
          <p:grpSpPr>
            <a:xfrm>
              <a:off x="496583" y="795582"/>
              <a:ext cx="1910252" cy="709661"/>
              <a:chOff x="2267504" y="2540250"/>
              <a:chExt cx="1990951" cy="739641"/>
            </a:xfrm>
            <a:solidFill>
              <a:schemeClr val="tx1">
                <a:alpha val="60000"/>
              </a:schemeClr>
            </a:solidFill>
          </p:grpSpPr>
          <p:sp>
            <p:nvSpPr>
              <p:cNvPr id="265" name="Freeform: Shape 264">
                <a:extLst>
                  <a:ext uri="{FF2B5EF4-FFF2-40B4-BE49-F238E27FC236}">
                    <a16:creationId xmlns:a16="http://schemas.microsoft.com/office/drawing/2014/main" id="{D8406302-2A06-4B65-834B-079262BAD676}"/>
                  </a:ext>
                </a:extLst>
              </p:cNvPr>
              <p:cNvSpPr/>
              <p:nvPr/>
            </p:nvSpPr>
            <p:spPr>
              <a:xfrm>
                <a:off x="2267504" y="2540250"/>
                <a:ext cx="1990951" cy="286230"/>
              </a:xfrm>
              <a:custGeom>
                <a:avLst/>
                <a:gdLst>
                  <a:gd name="connsiteX0" fmla="*/ 1489414 w 1990951"/>
                  <a:gd name="connsiteY0" fmla="*/ 286231 h 286230"/>
                  <a:gd name="connsiteX1" fmla="*/ 1243712 w 1990951"/>
                  <a:gd name="connsiteY1" fmla="*/ 40528 h 286230"/>
                  <a:gd name="connsiteX2" fmla="*/ 995476 w 1990951"/>
                  <a:gd name="connsiteY2" fmla="*/ 286231 h 286230"/>
                  <a:gd name="connsiteX3" fmla="*/ 749773 w 1990951"/>
                  <a:gd name="connsiteY3" fmla="*/ 40528 h 286230"/>
                  <a:gd name="connsiteX4" fmla="*/ 504071 w 1990951"/>
                  <a:gd name="connsiteY4" fmla="*/ 286231 h 286230"/>
                  <a:gd name="connsiteX5" fmla="*/ 255835 w 1990951"/>
                  <a:gd name="connsiteY5" fmla="*/ 40528 h 286230"/>
                  <a:gd name="connsiteX6" fmla="*/ 20264 w 1990951"/>
                  <a:gd name="connsiteY6" fmla="*/ 276099 h 286230"/>
                  <a:gd name="connsiteX7" fmla="*/ 0 w 1990951"/>
                  <a:gd name="connsiteY7" fmla="*/ 255835 h 286230"/>
                  <a:gd name="connsiteX8" fmla="*/ 255835 w 1990951"/>
                  <a:gd name="connsiteY8" fmla="*/ 0 h 286230"/>
                  <a:gd name="connsiteX9" fmla="*/ 504071 w 1990951"/>
                  <a:gd name="connsiteY9" fmla="*/ 245703 h 286230"/>
                  <a:gd name="connsiteX10" fmla="*/ 749773 w 1990951"/>
                  <a:gd name="connsiteY10" fmla="*/ 0 h 286230"/>
                  <a:gd name="connsiteX11" fmla="*/ 995476 w 1990951"/>
                  <a:gd name="connsiteY11" fmla="*/ 245703 h 286230"/>
                  <a:gd name="connsiteX12" fmla="*/ 1243712 w 1990951"/>
                  <a:gd name="connsiteY12" fmla="*/ 0 h 286230"/>
                  <a:gd name="connsiteX13" fmla="*/ 1489414 w 1990951"/>
                  <a:gd name="connsiteY13" fmla="*/ 245703 h 286230"/>
                  <a:gd name="connsiteX14" fmla="*/ 1735117 w 1990951"/>
                  <a:gd name="connsiteY14" fmla="*/ 0 h 286230"/>
                  <a:gd name="connsiteX15" fmla="*/ 1990952 w 1990951"/>
                  <a:gd name="connsiteY15" fmla="*/ 255835 h 286230"/>
                  <a:gd name="connsiteX16" fmla="*/ 1973221 w 1990951"/>
                  <a:gd name="connsiteY16" fmla="*/ 276099 h 286230"/>
                  <a:gd name="connsiteX17" fmla="*/ 1735117 w 1990951"/>
                  <a:gd name="connsiteY17" fmla="*/ 40528 h 2862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990951" h="286230">
                    <a:moveTo>
                      <a:pt x="1489414" y="286231"/>
                    </a:moveTo>
                    <a:lnTo>
                      <a:pt x="1243712" y="40528"/>
                    </a:lnTo>
                    <a:lnTo>
                      <a:pt x="995476" y="286231"/>
                    </a:lnTo>
                    <a:lnTo>
                      <a:pt x="749773" y="40528"/>
                    </a:lnTo>
                    <a:lnTo>
                      <a:pt x="504071" y="286231"/>
                    </a:lnTo>
                    <a:lnTo>
                      <a:pt x="255835" y="40528"/>
                    </a:lnTo>
                    <a:lnTo>
                      <a:pt x="20264" y="276099"/>
                    </a:lnTo>
                    <a:lnTo>
                      <a:pt x="0" y="255835"/>
                    </a:lnTo>
                    <a:lnTo>
                      <a:pt x="255835" y="0"/>
                    </a:lnTo>
                    <a:lnTo>
                      <a:pt x="504071" y="245703"/>
                    </a:lnTo>
                    <a:lnTo>
                      <a:pt x="749773" y="0"/>
                    </a:lnTo>
                    <a:lnTo>
                      <a:pt x="995476" y="245703"/>
                    </a:lnTo>
                    <a:lnTo>
                      <a:pt x="1243712" y="0"/>
                    </a:lnTo>
                    <a:lnTo>
                      <a:pt x="1489414" y="245703"/>
                    </a:lnTo>
                    <a:lnTo>
                      <a:pt x="1735117" y="0"/>
                    </a:lnTo>
                    <a:lnTo>
                      <a:pt x="1990952" y="255835"/>
                    </a:lnTo>
                    <a:lnTo>
                      <a:pt x="1973221" y="276099"/>
                    </a:lnTo>
                    <a:lnTo>
                      <a:pt x="1735117" y="40528"/>
                    </a:lnTo>
                    <a:close/>
                  </a:path>
                </a:pathLst>
              </a:custGeom>
              <a:grpFill/>
              <a:ln w="2532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dirty="0"/>
              </a:p>
            </p:txBody>
          </p:sp>
          <p:sp>
            <p:nvSpPr>
              <p:cNvPr id="266" name="Freeform: Shape 265">
                <a:extLst>
                  <a:ext uri="{FF2B5EF4-FFF2-40B4-BE49-F238E27FC236}">
                    <a16:creationId xmlns:a16="http://schemas.microsoft.com/office/drawing/2014/main" id="{8756BB86-0FFE-405F-8023-37552370FB06}"/>
                  </a:ext>
                </a:extLst>
              </p:cNvPr>
              <p:cNvSpPr/>
              <p:nvPr/>
            </p:nvSpPr>
            <p:spPr>
              <a:xfrm>
                <a:off x="2267504" y="2993660"/>
                <a:ext cx="1990951" cy="286230"/>
              </a:xfrm>
              <a:custGeom>
                <a:avLst/>
                <a:gdLst>
                  <a:gd name="connsiteX0" fmla="*/ 1489414 w 1990951"/>
                  <a:gd name="connsiteY0" fmla="*/ 286231 h 286230"/>
                  <a:gd name="connsiteX1" fmla="*/ 1243712 w 1990951"/>
                  <a:gd name="connsiteY1" fmla="*/ 40528 h 286230"/>
                  <a:gd name="connsiteX2" fmla="*/ 995476 w 1990951"/>
                  <a:gd name="connsiteY2" fmla="*/ 286231 h 286230"/>
                  <a:gd name="connsiteX3" fmla="*/ 749773 w 1990951"/>
                  <a:gd name="connsiteY3" fmla="*/ 40528 h 286230"/>
                  <a:gd name="connsiteX4" fmla="*/ 504071 w 1990951"/>
                  <a:gd name="connsiteY4" fmla="*/ 286231 h 286230"/>
                  <a:gd name="connsiteX5" fmla="*/ 255835 w 1990951"/>
                  <a:gd name="connsiteY5" fmla="*/ 40528 h 286230"/>
                  <a:gd name="connsiteX6" fmla="*/ 20264 w 1990951"/>
                  <a:gd name="connsiteY6" fmla="*/ 276099 h 286230"/>
                  <a:gd name="connsiteX7" fmla="*/ 0 w 1990951"/>
                  <a:gd name="connsiteY7" fmla="*/ 258368 h 286230"/>
                  <a:gd name="connsiteX8" fmla="*/ 255835 w 1990951"/>
                  <a:gd name="connsiteY8" fmla="*/ 0 h 286230"/>
                  <a:gd name="connsiteX9" fmla="*/ 504071 w 1990951"/>
                  <a:gd name="connsiteY9" fmla="*/ 248236 h 286230"/>
                  <a:gd name="connsiteX10" fmla="*/ 749773 w 1990951"/>
                  <a:gd name="connsiteY10" fmla="*/ 0 h 286230"/>
                  <a:gd name="connsiteX11" fmla="*/ 995476 w 1990951"/>
                  <a:gd name="connsiteY11" fmla="*/ 248236 h 286230"/>
                  <a:gd name="connsiteX12" fmla="*/ 1243712 w 1990951"/>
                  <a:gd name="connsiteY12" fmla="*/ 0 h 286230"/>
                  <a:gd name="connsiteX13" fmla="*/ 1489414 w 1990951"/>
                  <a:gd name="connsiteY13" fmla="*/ 248236 h 286230"/>
                  <a:gd name="connsiteX14" fmla="*/ 1735117 w 1990951"/>
                  <a:gd name="connsiteY14" fmla="*/ 0 h 286230"/>
                  <a:gd name="connsiteX15" fmla="*/ 1990952 w 1990951"/>
                  <a:gd name="connsiteY15" fmla="*/ 258368 h 286230"/>
                  <a:gd name="connsiteX16" fmla="*/ 1973221 w 1990951"/>
                  <a:gd name="connsiteY16" fmla="*/ 276099 h 286230"/>
                  <a:gd name="connsiteX17" fmla="*/ 1735117 w 1990951"/>
                  <a:gd name="connsiteY17" fmla="*/ 40528 h 2862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990951" h="286230">
                    <a:moveTo>
                      <a:pt x="1489414" y="286231"/>
                    </a:moveTo>
                    <a:lnTo>
                      <a:pt x="1243712" y="40528"/>
                    </a:lnTo>
                    <a:lnTo>
                      <a:pt x="995476" y="286231"/>
                    </a:lnTo>
                    <a:lnTo>
                      <a:pt x="749773" y="40528"/>
                    </a:lnTo>
                    <a:lnTo>
                      <a:pt x="504071" y="286231"/>
                    </a:lnTo>
                    <a:lnTo>
                      <a:pt x="255835" y="40528"/>
                    </a:lnTo>
                    <a:lnTo>
                      <a:pt x="20264" y="276099"/>
                    </a:lnTo>
                    <a:lnTo>
                      <a:pt x="0" y="258368"/>
                    </a:lnTo>
                    <a:lnTo>
                      <a:pt x="255835" y="0"/>
                    </a:lnTo>
                    <a:lnTo>
                      <a:pt x="504071" y="248236"/>
                    </a:lnTo>
                    <a:lnTo>
                      <a:pt x="749773" y="0"/>
                    </a:lnTo>
                    <a:lnTo>
                      <a:pt x="995476" y="248236"/>
                    </a:lnTo>
                    <a:lnTo>
                      <a:pt x="1243712" y="0"/>
                    </a:lnTo>
                    <a:lnTo>
                      <a:pt x="1489414" y="248236"/>
                    </a:lnTo>
                    <a:lnTo>
                      <a:pt x="1735117" y="0"/>
                    </a:lnTo>
                    <a:lnTo>
                      <a:pt x="1990952" y="258368"/>
                    </a:lnTo>
                    <a:lnTo>
                      <a:pt x="1973221" y="276099"/>
                    </a:lnTo>
                    <a:lnTo>
                      <a:pt x="1735117" y="40528"/>
                    </a:lnTo>
                    <a:close/>
                  </a:path>
                </a:pathLst>
              </a:custGeom>
              <a:grpFill/>
              <a:ln w="2532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dirty="0"/>
              </a:p>
            </p:txBody>
          </p:sp>
        </p:grpSp>
      </p:grpSp>
      <p:sp>
        <p:nvSpPr>
          <p:cNvPr id="299" name="Date Placeholder 178">
            <a:extLst>
              <a:ext uri="{FF2B5EF4-FFF2-40B4-BE49-F238E27FC236}">
                <a16:creationId xmlns:a16="http://schemas.microsoft.com/office/drawing/2014/main" id="{82E560EB-BE56-4EED-AE06-F6BBC6A77F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</p:spPr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300" name="Footer Placeholder 179">
            <a:extLst>
              <a:ext uri="{FF2B5EF4-FFF2-40B4-BE49-F238E27FC236}">
                <a16:creationId xmlns:a16="http://schemas.microsoft.com/office/drawing/2014/main" id="{B8F63808-3D77-44F6-BA39-EBAA7F3A644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</p:spPr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301" name="Slide Number Placeholder 180">
            <a:extLst>
              <a:ext uri="{FF2B5EF4-FFF2-40B4-BE49-F238E27FC236}">
                <a16:creationId xmlns:a16="http://schemas.microsoft.com/office/drawing/2014/main" id="{48A1F651-8B76-426E-B2A3-79B5E58870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63160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ntrodu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5F21EE69-A1CB-4D3C-A300-F309A781E6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8907" y="282800"/>
            <a:ext cx="5217172" cy="1288673"/>
          </a:xfrm>
        </p:spPr>
        <p:txBody>
          <a:bodyPr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04201678-5DBC-491F-AA38-F3DF166C36B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938906" y="1715151"/>
            <a:ext cx="5217173" cy="4351338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FontTx/>
              <a:buNone/>
              <a:defRPr sz="1800"/>
            </a:lvl1pPr>
          </a:lstStyle>
          <a:p>
            <a:pPr>
              <a:lnSpc>
                <a:spcPct val="130000"/>
              </a:lnSpc>
            </a:pPr>
            <a:r>
              <a:rPr lang="en-US" dirty="0"/>
              <a:t>Click to add text</a:t>
            </a:r>
          </a:p>
        </p:txBody>
      </p:sp>
      <p:sp>
        <p:nvSpPr>
          <p:cNvPr id="368" name="Picture Placeholder 370">
            <a:extLst>
              <a:ext uri="{FF2B5EF4-FFF2-40B4-BE49-F238E27FC236}">
                <a16:creationId xmlns:a16="http://schemas.microsoft.com/office/drawing/2014/main" id="{669561A4-DF87-4818-9B88-D1EF83F03B9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235389" y="322503"/>
            <a:ext cx="4114800" cy="2931037"/>
          </a:xfrm>
        </p:spPr>
        <p:txBody>
          <a:bodyPr/>
          <a:lstStyle>
            <a:lvl1pPr>
              <a:buFontTx/>
              <a:buNone/>
              <a:defRPr/>
            </a:lvl1pPr>
          </a:lstStyle>
          <a:p>
            <a:r>
              <a:rPr lang="en-US" dirty="0"/>
              <a:t>Click to add photo</a:t>
            </a:r>
          </a:p>
        </p:txBody>
      </p:sp>
      <p:sp>
        <p:nvSpPr>
          <p:cNvPr id="369" name="Picture Placeholder 372">
            <a:extLst>
              <a:ext uri="{FF2B5EF4-FFF2-40B4-BE49-F238E27FC236}">
                <a16:creationId xmlns:a16="http://schemas.microsoft.com/office/drawing/2014/main" id="{FFEE5DD2-649D-41DC-9898-8730D76FDB9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235389" y="3370011"/>
            <a:ext cx="4114799" cy="2931036"/>
          </a:xfrm>
        </p:spPr>
        <p:txBody>
          <a:bodyPr/>
          <a:lstStyle>
            <a:lvl1pPr>
              <a:buFontTx/>
              <a:buNone/>
              <a:defRPr/>
            </a:lvl1pPr>
          </a:lstStyle>
          <a:p>
            <a:r>
              <a:rPr lang="en-US" dirty="0"/>
              <a:t>Click to add photo</a:t>
            </a:r>
          </a:p>
        </p:txBody>
      </p:sp>
      <p:sp>
        <p:nvSpPr>
          <p:cNvPr id="385" name="Date Placeholder 384">
            <a:extLst>
              <a:ext uri="{FF2B5EF4-FFF2-40B4-BE49-F238E27FC236}">
                <a16:creationId xmlns:a16="http://schemas.microsoft.com/office/drawing/2014/main" id="{7B72116B-F388-4C73-BC4A-D8292B5DA7E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386" name="Footer Placeholder 385">
            <a:extLst>
              <a:ext uri="{FF2B5EF4-FFF2-40B4-BE49-F238E27FC236}">
                <a16:creationId xmlns:a16="http://schemas.microsoft.com/office/drawing/2014/main" id="{C072D4A9-194F-4843-B39B-6C34A5D2F22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387" name="Slide Number Placeholder 386">
            <a:extLst>
              <a:ext uri="{FF2B5EF4-FFF2-40B4-BE49-F238E27FC236}">
                <a16:creationId xmlns:a16="http://schemas.microsoft.com/office/drawing/2014/main" id="{7827E1CE-788E-4245-B60E-D39AFA591483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  <p:grpSp>
        <p:nvGrpSpPr>
          <p:cNvPr id="9" name="Graphic 190">
            <a:extLst>
              <a:ext uri="{FF2B5EF4-FFF2-40B4-BE49-F238E27FC236}">
                <a16:creationId xmlns:a16="http://schemas.microsoft.com/office/drawing/2014/main" id="{06F4FBF1-A331-46A0-BDC5-7CEDEA62EE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5756620" y="736826"/>
            <a:ext cx="1598829" cy="531293"/>
            <a:chOff x="2504802" y="1755501"/>
            <a:chExt cx="1598829" cy="531293"/>
          </a:xfrm>
          <a:solidFill>
            <a:schemeClr val="tx1"/>
          </a:solidFill>
        </p:grpSpPr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AE637E45-FDA6-4FDD-96BD-4728E6FEF3C5}"/>
                </a:ext>
              </a:extLst>
            </p:cNvPr>
            <p:cNvSpPr/>
            <p:nvPr/>
          </p:nvSpPr>
          <p:spPr>
            <a:xfrm>
              <a:off x="2504802" y="2113855"/>
              <a:ext cx="1598614" cy="172939"/>
            </a:xfrm>
            <a:custGeom>
              <a:avLst/>
              <a:gdLst>
                <a:gd name="connsiteX0" fmla="*/ 1248648 w 1598614"/>
                <a:gd name="connsiteY0" fmla="*/ 172939 h 172939"/>
                <a:gd name="connsiteX1" fmla="*/ 1123031 w 1598614"/>
                <a:gd name="connsiteY1" fmla="*/ 92708 h 172939"/>
                <a:gd name="connsiteX2" fmla="*/ 1024085 w 1598614"/>
                <a:gd name="connsiteY2" fmla="*/ 29469 h 172939"/>
                <a:gd name="connsiteX3" fmla="*/ 925140 w 1598614"/>
                <a:gd name="connsiteY3" fmla="*/ 92708 h 172939"/>
                <a:gd name="connsiteX4" fmla="*/ 799522 w 1598614"/>
                <a:gd name="connsiteY4" fmla="*/ 172939 h 172939"/>
                <a:gd name="connsiteX5" fmla="*/ 799522 w 1598614"/>
                <a:gd name="connsiteY5" fmla="*/ 172939 h 172939"/>
                <a:gd name="connsiteX6" fmla="*/ 673905 w 1598614"/>
                <a:gd name="connsiteY6" fmla="*/ 92708 h 172939"/>
                <a:gd name="connsiteX7" fmla="*/ 574959 w 1598614"/>
                <a:gd name="connsiteY7" fmla="*/ 29469 h 172939"/>
                <a:gd name="connsiteX8" fmla="*/ 476014 w 1598614"/>
                <a:gd name="connsiteY8" fmla="*/ 92708 h 172939"/>
                <a:gd name="connsiteX9" fmla="*/ 350396 w 1598614"/>
                <a:gd name="connsiteY9" fmla="*/ 172939 h 172939"/>
                <a:gd name="connsiteX10" fmla="*/ 224778 w 1598614"/>
                <a:gd name="connsiteY10" fmla="*/ 92708 h 172939"/>
                <a:gd name="connsiteX11" fmla="*/ 125833 w 1598614"/>
                <a:gd name="connsiteY11" fmla="*/ 29469 h 172939"/>
                <a:gd name="connsiteX12" fmla="*/ 26887 w 1598614"/>
                <a:gd name="connsiteY12" fmla="*/ 92708 h 172939"/>
                <a:gd name="connsiteX13" fmla="*/ 0 w 1598614"/>
                <a:gd name="connsiteY13" fmla="*/ 80232 h 172939"/>
                <a:gd name="connsiteX14" fmla="*/ 125618 w 1598614"/>
                <a:gd name="connsiteY14" fmla="*/ 0 h 172939"/>
                <a:gd name="connsiteX15" fmla="*/ 251235 w 1598614"/>
                <a:gd name="connsiteY15" fmla="*/ 80232 h 172939"/>
                <a:gd name="connsiteX16" fmla="*/ 350181 w 1598614"/>
                <a:gd name="connsiteY16" fmla="*/ 143471 h 172939"/>
                <a:gd name="connsiteX17" fmla="*/ 449126 w 1598614"/>
                <a:gd name="connsiteY17" fmla="*/ 80232 h 172939"/>
                <a:gd name="connsiteX18" fmla="*/ 574744 w 1598614"/>
                <a:gd name="connsiteY18" fmla="*/ 0 h 172939"/>
                <a:gd name="connsiteX19" fmla="*/ 700362 w 1598614"/>
                <a:gd name="connsiteY19" fmla="*/ 80232 h 172939"/>
                <a:gd name="connsiteX20" fmla="*/ 799307 w 1598614"/>
                <a:gd name="connsiteY20" fmla="*/ 143471 h 172939"/>
                <a:gd name="connsiteX21" fmla="*/ 799307 w 1598614"/>
                <a:gd name="connsiteY21" fmla="*/ 143471 h 172939"/>
                <a:gd name="connsiteX22" fmla="*/ 898253 w 1598614"/>
                <a:gd name="connsiteY22" fmla="*/ 80232 h 172939"/>
                <a:gd name="connsiteX23" fmla="*/ 1023870 w 1598614"/>
                <a:gd name="connsiteY23" fmla="*/ 0 h 172939"/>
                <a:gd name="connsiteX24" fmla="*/ 1149488 w 1598614"/>
                <a:gd name="connsiteY24" fmla="*/ 80232 h 172939"/>
                <a:gd name="connsiteX25" fmla="*/ 1248433 w 1598614"/>
                <a:gd name="connsiteY25" fmla="*/ 143471 h 172939"/>
                <a:gd name="connsiteX26" fmla="*/ 1347379 w 1598614"/>
                <a:gd name="connsiteY26" fmla="*/ 80232 h 172939"/>
                <a:gd name="connsiteX27" fmla="*/ 1472997 w 1598614"/>
                <a:gd name="connsiteY27" fmla="*/ 0 h 172939"/>
                <a:gd name="connsiteX28" fmla="*/ 1598614 w 1598614"/>
                <a:gd name="connsiteY28" fmla="*/ 80232 h 172939"/>
                <a:gd name="connsiteX29" fmla="*/ 1571942 w 1598614"/>
                <a:gd name="connsiteY29" fmla="*/ 92708 h 172939"/>
                <a:gd name="connsiteX30" fmla="*/ 1472997 w 1598614"/>
                <a:gd name="connsiteY30" fmla="*/ 29469 h 172939"/>
                <a:gd name="connsiteX31" fmla="*/ 1374051 w 1598614"/>
                <a:gd name="connsiteY31" fmla="*/ 92708 h 172939"/>
                <a:gd name="connsiteX32" fmla="*/ 1248648 w 1598614"/>
                <a:gd name="connsiteY32" fmla="*/ 172939 h 1729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598614" h="172939">
                  <a:moveTo>
                    <a:pt x="1248648" y="172939"/>
                  </a:moveTo>
                  <a:cubicBezTo>
                    <a:pt x="1194229" y="172939"/>
                    <a:pt x="1146046" y="142180"/>
                    <a:pt x="1123031" y="92708"/>
                  </a:cubicBezTo>
                  <a:cubicBezTo>
                    <a:pt x="1104962" y="53775"/>
                    <a:pt x="1067105" y="29469"/>
                    <a:pt x="1024085" y="29469"/>
                  </a:cubicBezTo>
                  <a:cubicBezTo>
                    <a:pt x="981066" y="29469"/>
                    <a:pt x="943208" y="53775"/>
                    <a:pt x="925140" y="92708"/>
                  </a:cubicBezTo>
                  <a:cubicBezTo>
                    <a:pt x="902124" y="142180"/>
                    <a:pt x="853942" y="172939"/>
                    <a:pt x="799522" y="172939"/>
                  </a:cubicBezTo>
                  <a:cubicBezTo>
                    <a:pt x="799522" y="172939"/>
                    <a:pt x="799522" y="172939"/>
                    <a:pt x="799522" y="172939"/>
                  </a:cubicBezTo>
                  <a:cubicBezTo>
                    <a:pt x="744887" y="172939"/>
                    <a:pt x="696920" y="142180"/>
                    <a:pt x="673905" y="92708"/>
                  </a:cubicBezTo>
                  <a:cubicBezTo>
                    <a:pt x="655836" y="53775"/>
                    <a:pt x="617979" y="29469"/>
                    <a:pt x="574959" y="29469"/>
                  </a:cubicBezTo>
                  <a:cubicBezTo>
                    <a:pt x="531939" y="29469"/>
                    <a:pt x="494082" y="53775"/>
                    <a:pt x="476014" y="92708"/>
                  </a:cubicBezTo>
                  <a:cubicBezTo>
                    <a:pt x="452998" y="142180"/>
                    <a:pt x="405031" y="172939"/>
                    <a:pt x="350396" y="172939"/>
                  </a:cubicBezTo>
                  <a:cubicBezTo>
                    <a:pt x="295976" y="172939"/>
                    <a:pt x="247794" y="142180"/>
                    <a:pt x="224778" y="92708"/>
                  </a:cubicBezTo>
                  <a:cubicBezTo>
                    <a:pt x="206710" y="53775"/>
                    <a:pt x="168853" y="29469"/>
                    <a:pt x="125833" y="29469"/>
                  </a:cubicBezTo>
                  <a:cubicBezTo>
                    <a:pt x="82813" y="29469"/>
                    <a:pt x="44956" y="53775"/>
                    <a:pt x="26887" y="92708"/>
                  </a:cubicBezTo>
                  <a:lnTo>
                    <a:pt x="0" y="80232"/>
                  </a:lnTo>
                  <a:cubicBezTo>
                    <a:pt x="23016" y="30759"/>
                    <a:pt x="70983" y="0"/>
                    <a:pt x="125618" y="0"/>
                  </a:cubicBezTo>
                  <a:cubicBezTo>
                    <a:pt x="180253" y="0"/>
                    <a:pt x="228220" y="30759"/>
                    <a:pt x="251235" y="80232"/>
                  </a:cubicBezTo>
                  <a:cubicBezTo>
                    <a:pt x="269304" y="119165"/>
                    <a:pt x="307376" y="143471"/>
                    <a:pt x="350181" y="143471"/>
                  </a:cubicBezTo>
                  <a:cubicBezTo>
                    <a:pt x="393201" y="143471"/>
                    <a:pt x="431058" y="119165"/>
                    <a:pt x="449126" y="80232"/>
                  </a:cubicBezTo>
                  <a:cubicBezTo>
                    <a:pt x="472142" y="30759"/>
                    <a:pt x="520324" y="0"/>
                    <a:pt x="574744" y="0"/>
                  </a:cubicBezTo>
                  <a:cubicBezTo>
                    <a:pt x="629164" y="0"/>
                    <a:pt x="677346" y="30759"/>
                    <a:pt x="700362" y="80232"/>
                  </a:cubicBezTo>
                  <a:cubicBezTo>
                    <a:pt x="718430" y="119165"/>
                    <a:pt x="756287" y="143471"/>
                    <a:pt x="799307" y="143471"/>
                  </a:cubicBezTo>
                  <a:lnTo>
                    <a:pt x="799307" y="143471"/>
                  </a:lnTo>
                  <a:cubicBezTo>
                    <a:pt x="842327" y="143471"/>
                    <a:pt x="880184" y="119165"/>
                    <a:pt x="898253" y="80232"/>
                  </a:cubicBezTo>
                  <a:cubicBezTo>
                    <a:pt x="921268" y="30759"/>
                    <a:pt x="969235" y="0"/>
                    <a:pt x="1023870" y="0"/>
                  </a:cubicBezTo>
                  <a:cubicBezTo>
                    <a:pt x="1078505" y="0"/>
                    <a:pt x="1126472" y="30759"/>
                    <a:pt x="1149488" y="80232"/>
                  </a:cubicBezTo>
                  <a:cubicBezTo>
                    <a:pt x="1167556" y="119165"/>
                    <a:pt x="1205414" y="143471"/>
                    <a:pt x="1248433" y="143471"/>
                  </a:cubicBezTo>
                  <a:cubicBezTo>
                    <a:pt x="1291453" y="143471"/>
                    <a:pt x="1329311" y="119165"/>
                    <a:pt x="1347379" y="80232"/>
                  </a:cubicBezTo>
                  <a:cubicBezTo>
                    <a:pt x="1370394" y="30759"/>
                    <a:pt x="1418361" y="0"/>
                    <a:pt x="1472997" y="0"/>
                  </a:cubicBezTo>
                  <a:cubicBezTo>
                    <a:pt x="1527632" y="0"/>
                    <a:pt x="1575814" y="30759"/>
                    <a:pt x="1598614" y="80232"/>
                  </a:cubicBezTo>
                  <a:lnTo>
                    <a:pt x="1571942" y="92708"/>
                  </a:lnTo>
                  <a:cubicBezTo>
                    <a:pt x="1553874" y="53775"/>
                    <a:pt x="1515801" y="29469"/>
                    <a:pt x="1472997" y="29469"/>
                  </a:cubicBezTo>
                  <a:cubicBezTo>
                    <a:pt x="1429977" y="29469"/>
                    <a:pt x="1392119" y="53775"/>
                    <a:pt x="1374051" y="92708"/>
                  </a:cubicBezTo>
                  <a:cubicBezTo>
                    <a:pt x="1351251" y="142180"/>
                    <a:pt x="1303069" y="172939"/>
                    <a:pt x="1248648" y="172939"/>
                  </a:cubicBezTo>
                  <a:close/>
                </a:path>
              </a:pathLst>
            </a:custGeom>
            <a:grpFill/>
            <a:ln w="21496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34CE57ED-0E56-4B8D-BFC4-44C434AB2F54}"/>
                </a:ext>
              </a:extLst>
            </p:cNvPr>
            <p:cNvSpPr/>
            <p:nvPr/>
          </p:nvSpPr>
          <p:spPr>
            <a:xfrm>
              <a:off x="2504802" y="1755501"/>
              <a:ext cx="1598829" cy="172724"/>
            </a:xfrm>
            <a:custGeom>
              <a:avLst/>
              <a:gdLst>
                <a:gd name="connsiteX0" fmla="*/ 1248648 w 1598829"/>
                <a:gd name="connsiteY0" fmla="*/ 172724 h 172724"/>
                <a:gd name="connsiteX1" fmla="*/ 1123031 w 1598829"/>
                <a:gd name="connsiteY1" fmla="*/ 92492 h 172724"/>
                <a:gd name="connsiteX2" fmla="*/ 1024085 w 1598829"/>
                <a:gd name="connsiteY2" fmla="*/ 29253 h 172724"/>
                <a:gd name="connsiteX3" fmla="*/ 925140 w 1598829"/>
                <a:gd name="connsiteY3" fmla="*/ 92492 h 172724"/>
                <a:gd name="connsiteX4" fmla="*/ 799522 w 1598829"/>
                <a:gd name="connsiteY4" fmla="*/ 172724 h 172724"/>
                <a:gd name="connsiteX5" fmla="*/ 799522 w 1598829"/>
                <a:gd name="connsiteY5" fmla="*/ 172724 h 172724"/>
                <a:gd name="connsiteX6" fmla="*/ 673905 w 1598829"/>
                <a:gd name="connsiteY6" fmla="*/ 92492 h 172724"/>
                <a:gd name="connsiteX7" fmla="*/ 574959 w 1598829"/>
                <a:gd name="connsiteY7" fmla="*/ 29253 h 172724"/>
                <a:gd name="connsiteX8" fmla="*/ 476014 w 1598829"/>
                <a:gd name="connsiteY8" fmla="*/ 92492 h 172724"/>
                <a:gd name="connsiteX9" fmla="*/ 350396 w 1598829"/>
                <a:gd name="connsiteY9" fmla="*/ 172724 h 172724"/>
                <a:gd name="connsiteX10" fmla="*/ 224778 w 1598829"/>
                <a:gd name="connsiteY10" fmla="*/ 92492 h 172724"/>
                <a:gd name="connsiteX11" fmla="*/ 125833 w 1598829"/>
                <a:gd name="connsiteY11" fmla="*/ 29253 h 172724"/>
                <a:gd name="connsiteX12" fmla="*/ 26887 w 1598829"/>
                <a:gd name="connsiteY12" fmla="*/ 92492 h 172724"/>
                <a:gd name="connsiteX13" fmla="*/ 0 w 1598829"/>
                <a:gd name="connsiteY13" fmla="*/ 80232 h 172724"/>
                <a:gd name="connsiteX14" fmla="*/ 125618 w 1598829"/>
                <a:gd name="connsiteY14" fmla="*/ 0 h 172724"/>
                <a:gd name="connsiteX15" fmla="*/ 251235 w 1598829"/>
                <a:gd name="connsiteY15" fmla="*/ 80232 h 172724"/>
                <a:gd name="connsiteX16" fmla="*/ 350181 w 1598829"/>
                <a:gd name="connsiteY16" fmla="*/ 143471 h 172724"/>
                <a:gd name="connsiteX17" fmla="*/ 449126 w 1598829"/>
                <a:gd name="connsiteY17" fmla="*/ 80232 h 172724"/>
                <a:gd name="connsiteX18" fmla="*/ 574744 w 1598829"/>
                <a:gd name="connsiteY18" fmla="*/ 0 h 172724"/>
                <a:gd name="connsiteX19" fmla="*/ 700362 w 1598829"/>
                <a:gd name="connsiteY19" fmla="*/ 80232 h 172724"/>
                <a:gd name="connsiteX20" fmla="*/ 799307 w 1598829"/>
                <a:gd name="connsiteY20" fmla="*/ 143471 h 172724"/>
                <a:gd name="connsiteX21" fmla="*/ 799307 w 1598829"/>
                <a:gd name="connsiteY21" fmla="*/ 143471 h 172724"/>
                <a:gd name="connsiteX22" fmla="*/ 898253 w 1598829"/>
                <a:gd name="connsiteY22" fmla="*/ 80232 h 172724"/>
                <a:gd name="connsiteX23" fmla="*/ 1024085 w 1598829"/>
                <a:gd name="connsiteY23" fmla="*/ 0 h 172724"/>
                <a:gd name="connsiteX24" fmla="*/ 1149703 w 1598829"/>
                <a:gd name="connsiteY24" fmla="*/ 80232 h 172724"/>
                <a:gd name="connsiteX25" fmla="*/ 1248648 w 1598829"/>
                <a:gd name="connsiteY25" fmla="*/ 143471 h 172724"/>
                <a:gd name="connsiteX26" fmla="*/ 1347594 w 1598829"/>
                <a:gd name="connsiteY26" fmla="*/ 80232 h 172724"/>
                <a:gd name="connsiteX27" fmla="*/ 1473212 w 1598829"/>
                <a:gd name="connsiteY27" fmla="*/ 0 h 172724"/>
                <a:gd name="connsiteX28" fmla="*/ 1598829 w 1598829"/>
                <a:gd name="connsiteY28" fmla="*/ 80232 h 172724"/>
                <a:gd name="connsiteX29" fmla="*/ 1572157 w 1598829"/>
                <a:gd name="connsiteY29" fmla="*/ 92492 h 172724"/>
                <a:gd name="connsiteX30" fmla="*/ 1473212 w 1598829"/>
                <a:gd name="connsiteY30" fmla="*/ 29253 h 172724"/>
                <a:gd name="connsiteX31" fmla="*/ 1374266 w 1598829"/>
                <a:gd name="connsiteY31" fmla="*/ 92492 h 172724"/>
                <a:gd name="connsiteX32" fmla="*/ 1248648 w 1598829"/>
                <a:gd name="connsiteY32" fmla="*/ 172724 h 1727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598829" h="172724">
                  <a:moveTo>
                    <a:pt x="1248648" y="172724"/>
                  </a:moveTo>
                  <a:cubicBezTo>
                    <a:pt x="1194229" y="172724"/>
                    <a:pt x="1146046" y="141965"/>
                    <a:pt x="1123031" y="92492"/>
                  </a:cubicBezTo>
                  <a:cubicBezTo>
                    <a:pt x="1104962" y="53560"/>
                    <a:pt x="1067105" y="29253"/>
                    <a:pt x="1024085" y="29253"/>
                  </a:cubicBezTo>
                  <a:cubicBezTo>
                    <a:pt x="981066" y="29253"/>
                    <a:pt x="943208" y="53560"/>
                    <a:pt x="925140" y="92492"/>
                  </a:cubicBezTo>
                  <a:cubicBezTo>
                    <a:pt x="902124" y="141965"/>
                    <a:pt x="853942" y="172724"/>
                    <a:pt x="799522" y="172724"/>
                  </a:cubicBezTo>
                  <a:cubicBezTo>
                    <a:pt x="799522" y="172724"/>
                    <a:pt x="799522" y="172724"/>
                    <a:pt x="799522" y="172724"/>
                  </a:cubicBezTo>
                  <a:cubicBezTo>
                    <a:pt x="744887" y="172724"/>
                    <a:pt x="696920" y="141965"/>
                    <a:pt x="673905" y="92492"/>
                  </a:cubicBezTo>
                  <a:cubicBezTo>
                    <a:pt x="655836" y="53560"/>
                    <a:pt x="617979" y="29253"/>
                    <a:pt x="574959" y="29253"/>
                  </a:cubicBezTo>
                  <a:cubicBezTo>
                    <a:pt x="531939" y="29253"/>
                    <a:pt x="494082" y="53560"/>
                    <a:pt x="476014" y="92492"/>
                  </a:cubicBezTo>
                  <a:cubicBezTo>
                    <a:pt x="452998" y="141965"/>
                    <a:pt x="405031" y="172724"/>
                    <a:pt x="350396" y="172724"/>
                  </a:cubicBezTo>
                  <a:cubicBezTo>
                    <a:pt x="295976" y="172724"/>
                    <a:pt x="247794" y="141965"/>
                    <a:pt x="224778" y="92492"/>
                  </a:cubicBezTo>
                  <a:cubicBezTo>
                    <a:pt x="206710" y="53560"/>
                    <a:pt x="168853" y="29253"/>
                    <a:pt x="125833" y="29253"/>
                  </a:cubicBezTo>
                  <a:cubicBezTo>
                    <a:pt x="82813" y="29253"/>
                    <a:pt x="44956" y="53560"/>
                    <a:pt x="26887" y="92492"/>
                  </a:cubicBezTo>
                  <a:lnTo>
                    <a:pt x="0" y="80232"/>
                  </a:lnTo>
                  <a:cubicBezTo>
                    <a:pt x="23016" y="30759"/>
                    <a:pt x="70983" y="0"/>
                    <a:pt x="125618" y="0"/>
                  </a:cubicBezTo>
                  <a:cubicBezTo>
                    <a:pt x="180253" y="0"/>
                    <a:pt x="228220" y="30759"/>
                    <a:pt x="251235" y="80232"/>
                  </a:cubicBezTo>
                  <a:cubicBezTo>
                    <a:pt x="269304" y="119165"/>
                    <a:pt x="307376" y="143471"/>
                    <a:pt x="350181" y="143471"/>
                  </a:cubicBezTo>
                  <a:cubicBezTo>
                    <a:pt x="393201" y="143471"/>
                    <a:pt x="431058" y="119165"/>
                    <a:pt x="449126" y="80232"/>
                  </a:cubicBezTo>
                  <a:cubicBezTo>
                    <a:pt x="472142" y="30759"/>
                    <a:pt x="520324" y="0"/>
                    <a:pt x="574744" y="0"/>
                  </a:cubicBezTo>
                  <a:cubicBezTo>
                    <a:pt x="629164" y="0"/>
                    <a:pt x="677346" y="30759"/>
                    <a:pt x="700362" y="80232"/>
                  </a:cubicBezTo>
                  <a:cubicBezTo>
                    <a:pt x="718430" y="119165"/>
                    <a:pt x="756287" y="143471"/>
                    <a:pt x="799307" y="143471"/>
                  </a:cubicBezTo>
                  <a:lnTo>
                    <a:pt x="799307" y="143471"/>
                  </a:lnTo>
                  <a:cubicBezTo>
                    <a:pt x="842327" y="143471"/>
                    <a:pt x="880184" y="119165"/>
                    <a:pt x="898253" y="80232"/>
                  </a:cubicBezTo>
                  <a:cubicBezTo>
                    <a:pt x="921483" y="30759"/>
                    <a:pt x="969450" y="0"/>
                    <a:pt x="1024085" y="0"/>
                  </a:cubicBezTo>
                  <a:cubicBezTo>
                    <a:pt x="1078720" y="0"/>
                    <a:pt x="1126688" y="30759"/>
                    <a:pt x="1149703" y="80232"/>
                  </a:cubicBezTo>
                  <a:cubicBezTo>
                    <a:pt x="1167771" y="119165"/>
                    <a:pt x="1205629" y="143471"/>
                    <a:pt x="1248648" y="143471"/>
                  </a:cubicBezTo>
                  <a:cubicBezTo>
                    <a:pt x="1291668" y="143471"/>
                    <a:pt x="1329526" y="119165"/>
                    <a:pt x="1347594" y="80232"/>
                  </a:cubicBezTo>
                  <a:cubicBezTo>
                    <a:pt x="1370610" y="30759"/>
                    <a:pt x="1418792" y="0"/>
                    <a:pt x="1473212" y="0"/>
                  </a:cubicBezTo>
                  <a:cubicBezTo>
                    <a:pt x="1527847" y="0"/>
                    <a:pt x="1576029" y="30759"/>
                    <a:pt x="1598829" y="80232"/>
                  </a:cubicBezTo>
                  <a:lnTo>
                    <a:pt x="1572157" y="92492"/>
                  </a:lnTo>
                  <a:cubicBezTo>
                    <a:pt x="1554089" y="53560"/>
                    <a:pt x="1516016" y="29253"/>
                    <a:pt x="1473212" y="29253"/>
                  </a:cubicBezTo>
                  <a:cubicBezTo>
                    <a:pt x="1430192" y="29253"/>
                    <a:pt x="1392335" y="53560"/>
                    <a:pt x="1374266" y="92492"/>
                  </a:cubicBezTo>
                  <a:cubicBezTo>
                    <a:pt x="1351251" y="141965"/>
                    <a:pt x="1303069" y="172724"/>
                    <a:pt x="1248648" y="172724"/>
                  </a:cubicBezTo>
                  <a:close/>
                </a:path>
              </a:pathLst>
            </a:custGeom>
            <a:grpFill/>
            <a:ln w="21496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id="{D6B131DC-4B42-4E21-8EE4-FCF7D6602B7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10885765" y="619275"/>
            <a:ext cx="932200" cy="932200"/>
            <a:chOff x="10791258" y="619275"/>
            <a:chExt cx="932200" cy="932200"/>
          </a:xfrm>
        </p:grpSpPr>
        <p:sp>
          <p:nvSpPr>
            <p:cNvPr id="13" name="Graphic 212">
              <a:extLst>
                <a:ext uri="{FF2B5EF4-FFF2-40B4-BE49-F238E27FC236}">
                  <a16:creationId xmlns:a16="http://schemas.microsoft.com/office/drawing/2014/main" id="{D826499E-185F-4853-8982-212973714079}"/>
                </a:ext>
              </a:extLst>
            </p:cNvPr>
            <p:cNvSpPr/>
            <p:nvPr/>
          </p:nvSpPr>
          <p:spPr>
            <a:xfrm>
              <a:off x="10791258" y="619275"/>
              <a:ext cx="932200" cy="932200"/>
            </a:xfrm>
            <a:custGeom>
              <a:avLst/>
              <a:gdLst>
                <a:gd name="connsiteX0" fmla="*/ 403574 w 807148"/>
                <a:gd name="connsiteY0" fmla="*/ 0 h 807148"/>
                <a:gd name="connsiteX1" fmla="*/ 0 w 807148"/>
                <a:gd name="connsiteY1" fmla="*/ 403574 h 807148"/>
                <a:gd name="connsiteX2" fmla="*/ 403574 w 807148"/>
                <a:gd name="connsiteY2" fmla="*/ 807149 h 807148"/>
                <a:gd name="connsiteX3" fmla="*/ 807149 w 807148"/>
                <a:gd name="connsiteY3" fmla="*/ 403574 h 807148"/>
                <a:gd name="connsiteX4" fmla="*/ 403574 w 807148"/>
                <a:gd name="connsiteY4" fmla="*/ 0 h 807148"/>
                <a:gd name="connsiteX5" fmla="*/ 403574 w 807148"/>
                <a:gd name="connsiteY5" fmla="*/ 667988 h 807148"/>
                <a:gd name="connsiteX6" fmla="*/ 139160 w 807148"/>
                <a:gd name="connsiteY6" fmla="*/ 403574 h 807148"/>
                <a:gd name="connsiteX7" fmla="*/ 403574 w 807148"/>
                <a:gd name="connsiteY7" fmla="*/ 139160 h 807148"/>
                <a:gd name="connsiteX8" fmla="*/ 667988 w 807148"/>
                <a:gd name="connsiteY8" fmla="*/ 403574 h 807148"/>
                <a:gd name="connsiteX9" fmla="*/ 403574 w 807148"/>
                <a:gd name="connsiteY9" fmla="*/ 667988 h 8071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07148" h="807148">
                  <a:moveTo>
                    <a:pt x="403574" y="0"/>
                  </a:moveTo>
                  <a:cubicBezTo>
                    <a:pt x="180689" y="0"/>
                    <a:pt x="0" y="180689"/>
                    <a:pt x="0" y="403574"/>
                  </a:cubicBezTo>
                  <a:cubicBezTo>
                    <a:pt x="0" y="626459"/>
                    <a:pt x="180689" y="807149"/>
                    <a:pt x="403574" y="807149"/>
                  </a:cubicBezTo>
                  <a:cubicBezTo>
                    <a:pt x="626459" y="807149"/>
                    <a:pt x="807149" y="626459"/>
                    <a:pt x="807149" y="403574"/>
                  </a:cubicBezTo>
                  <a:cubicBezTo>
                    <a:pt x="807149" y="180689"/>
                    <a:pt x="626459" y="0"/>
                    <a:pt x="403574" y="0"/>
                  </a:cubicBezTo>
                  <a:close/>
                  <a:moveTo>
                    <a:pt x="403574" y="667988"/>
                  </a:moveTo>
                  <a:cubicBezTo>
                    <a:pt x="257556" y="667988"/>
                    <a:pt x="139160" y="549593"/>
                    <a:pt x="139160" y="403574"/>
                  </a:cubicBezTo>
                  <a:cubicBezTo>
                    <a:pt x="139160" y="257556"/>
                    <a:pt x="257556" y="139160"/>
                    <a:pt x="403574" y="139160"/>
                  </a:cubicBezTo>
                  <a:cubicBezTo>
                    <a:pt x="549593" y="139160"/>
                    <a:pt x="667988" y="257556"/>
                    <a:pt x="667988" y="403574"/>
                  </a:cubicBezTo>
                  <a:cubicBezTo>
                    <a:pt x="667988" y="549593"/>
                    <a:pt x="549593" y="667988"/>
                    <a:pt x="403574" y="667988"/>
                  </a:cubicBezTo>
                  <a:close/>
                </a:path>
              </a:pathLst>
            </a:custGeom>
            <a:solidFill>
              <a:srgbClr val="FFFFFF"/>
            </a:solidFill>
            <a:ln w="2857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14" name="Graphic 212">
              <a:extLst>
                <a:ext uri="{FF2B5EF4-FFF2-40B4-BE49-F238E27FC236}">
                  <a16:creationId xmlns:a16="http://schemas.microsoft.com/office/drawing/2014/main" id="{4B93A407-DCC0-4287-A189-DAFDA6CE5D81}"/>
                </a:ext>
              </a:extLst>
            </p:cNvPr>
            <p:cNvSpPr/>
            <p:nvPr/>
          </p:nvSpPr>
          <p:spPr>
            <a:xfrm>
              <a:off x="10791258" y="619275"/>
              <a:ext cx="932200" cy="932200"/>
            </a:xfrm>
            <a:custGeom>
              <a:avLst/>
              <a:gdLst>
                <a:gd name="connsiteX0" fmla="*/ 403574 w 807148"/>
                <a:gd name="connsiteY0" fmla="*/ 0 h 807148"/>
                <a:gd name="connsiteX1" fmla="*/ 0 w 807148"/>
                <a:gd name="connsiteY1" fmla="*/ 403574 h 807148"/>
                <a:gd name="connsiteX2" fmla="*/ 403574 w 807148"/>
                <a:gd name="connsiteY2" fmla="*/ 807149 h 807148"/>
                <a:gd name="connsiteX3" fmla="*/ 807149 w 807148"/>
                <a:gd name="connsiteY3" fmla="*/ 403574 h 807148"/>
                <a:gd name="connsiteX4" fmla="*/ 403574 w 807148"/>
                <a:gd name="connsiteY4" fmla="*/ 0 h 807148"/>
                <a:gd name="connsiteX5" fmla="*/ 403574 w 807148"/>
                <a:gd name="connsiteY5" fmla="*/ 667988 h 807148"/>
                <a:gd name="connsiteX6" fmla="*/ 139160 w 807148"/>
                <a:gd name="connsiteY6" fmla="*/ 403574 h 807148"/>
                <a:gd name="connsiteX7" fmla="*/ 403574 w 807148"/>
                <a:gd name="connsiteY7" fmla="*/ 139160 h 807148"/>
                <a:gd name="connsiteX8" fmla="*/ 667988 w 807148"/>
                <a:gd name="connsiteY8" fmla="*/ 403574 h 807148"/>
                <a:gd name="connsiteX9" fmla="*/ 403574 w 807148"/>
                <a:gd name="connsiteY9" fmla="*/ 667988 h 8071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07148" h="807148">
                  <a:moveTo>
                    <a:pt x="403574" y="0"/>
                  </a:moveTo>
                  <a:cubicBezTo>
                    <a:pt x="180689" y="0"/>
                    <a:pt x="0" y="180689"/>
                    <a:pt x="0" y="403574"/>
                  </a:cubicBezTo>
                  <a:cubicBezTo>
                    <a:pt x="0" y="626459"/>
                    <a:pt x="180689" y="807149"/>
                    <a:pt x="403574" y="807149"/>
                  </a:cubicBezTo>
                  <a:cubicBezTo>
                    <a:pt x="626459" y="807149"/>
                    <a:pt x="807149" y="626459"/>
                    <a:pt x="807149" y="403574"/>
                  </a:cubicBezTo>
                  <a:cubicBezTo>
                    <a:pt x="807149" y="180689"/>
                    <a:pt x="626459" y="0"/>
                    <a:pt x="403574" y="0"/>
                  </a:cubicBezTo>
                  <a:close/>
                  <a:moveTo>
                    <a:pt x="403574" y="667988"/>
                  </a:moveTo>
                  <a:cubicBezTo>
                    <a:pt x="257556" y="667988"/>
                    <a:pt x="139160" y="549593"/>
                    <a:pt x="139160" y="403574"/>
                  </a:cubicBezTo>
                  <a:cubicBezTo>
                    <a:pt x="139160" y="257556"/>
                    <a:pt x="257556" y="139160"/>
                    <a:pt x="403574" y="139160"/>
                  </a:cubicBezTo>
                  <a:cubicBezTo>
                    <a:pt x="549593" y="139160"/>
                    <a:pt x="667988" y="257556"/>
                    <a:pt x="667988" y="403574"/>
                  </a:cubicBezTo>
                  <a:cubicBezTo>
                    <a:pt x="667988" y="549593"/>
                    <a:pt x="549593" y="667988"/>
                    <a:pt x="403574" y="667988"/>
                  </a:cubicBezTo>
                  <a:close/>
                </a:path>
              </a:pathLst>
            </a:custGeom>
            <a:solidFill>
              <a:schemeClr val="accent3">
                <a:alpha val="20000"/>
              </a:schemeClr>
            </a:solidFill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3B628FE6-4C4F-49A8-9B42-67396AB1B10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10631201" y="4961088"/>
            <a:ext cx="1152011" cy="1152022"/>
            <a:chOff x="10154386" y="4452483"/>
            <a:chExt cx="1443404" cy="1443418"/>
          </a:xfrm>
          <a:solidFill>
            <a:schemeClr val="tx1"/>
          </a:solidFill>
        </p:grpSpPr>
        <p:grpSp>
          <p:nvGrpSpPr>
            <p:cNvPr id="16" name="Graphic 4">
              <a:extLst>
                <a:ext uri="{FF2B5EF4-FFF2-40B4-BE49-F238E27FC236}">
                  <a16:creationId xmlns:a16="http://schemas.microsoft.com/office/drawing/2014/main" id="{31A752B8-0B61-4973-8AE2-32B13026F5D0}"/>
                </a:ext>
              </a:extLst>
            </p:cNvPr>
            <p:cNvGrpSpPr/>
            <p:nvPr/>
          </p:nvGrpSpPr>
          <p:grpSpPr>
            <a:xfrm>
              <a:off x="10154386" y="4452483"/>
              <a:ext cx="1443404" cy="1443418"/>
              <a:chOff x="5734037" y="3067039"/>
              <a:chExt cx="724483" cy="724489"/>
            </a:xfrm>
            <a:grpFill/>
          </p:grpSpPr>
          <p:sp>
            <p:nvSpPr>
              <p:cNvPr id="189" name="Freeform: Shape 188">
                <a:extLst>
                  <a:ext uri="{FF2B5EF4-FFF2-40B4-BE49-F238E27FC236}">
                    <a16:creationId xmlns:a16="http://schemas.microsoft.com/office/drawing/2014/main" id="{5B0C923D-2B15-4591-91AF-7076EB2D39DF}"/>
                  </a:ext>
                </a:extLst>
              </p:cNvPr>
              <p:cNvSpPr/>
              <p:nvPr/>
            </p:nvSpPr>
            <p:spPr>
              <a:xfrm>
                <a:off x="5734038" y="3067039"/>
                <a:ext cx="14192" cy="14097"/>
              </a:xfrm>
              <a:custGeom>
                <a:avLst/>
                <a:gdLst>
                  <a:gd name="connsiteX0" fmla="*/ 14192 w 14192"/>
                  <a:gd name="connsiteY0" fmla="*/ 7049 h 14097"/>
                  <a:gd name="connsiteX1" fmla="*/ 7144 w 14192"/>
                  <a:gd name="connsiteY1" fmla="*/ 14097 h 14097"/>
                  <a:gd name="connsiteX2" fmla="*/ 0 w 14192"/>
                  <a:gd name="connsiteY2" fmla="*/ 7049 h 14097"/>
                  <a:gd name="connsiteX3" fmla="*/ 7049 w 14192"/>
                  <a:gd name="connsiteY3" fmla="*/ 0 h 14097"/>
                  <a:gd name="connsiteX4" fmla="*/ 14192 w 14192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7">
                    <a:moveTo>
                      <a:pt x="14192" y="7049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90" name="Freeform: Shape 189">
                <a:extLst>
                  <a:ext uri="{FF2B5EF4-FFF2-40B4-BE49-F238E27FC236}">
                    <a16:creationId xmlns:a16="http://schemas.microsoft.com/office/drawing/2014/main" id="{F67576B0-A9FB-4DBF-AAB2-BC4FE937A4D4}"/>
                  </a:ext>
                </a:extLst>
              </p:cNvPr>
              <p:cNvSpPr/>
              <p:nvPr/>
            </p:nvSpPr>
            <p:spPr>
              <a:xfrm>
                <a:off x="5793283" y="3067039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91" name="Freeform: Shape 190">
                <a:extLst>
                  <a:ext uri="{FF2B5EF4-FFF2-40B4-BE49-F238E27FC236}">
                    <a16:creationId xmlns:a16="http://schemas.microsoft.com/office/drawing/2014/main" id="{78EDA74C-F639-4A1A-AF63-97CE1722791F}"/>
                  </a:ext>
                </a:extLst>
              </p:cNvPr>
              <p:cNvSpPr/>
              <p:nvPr/>
            </p:nvSpPr>
            <p:spPr>
              <a:xfrm>
                <a:off x="5852433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92" name="Freeform: Shape 191">
                <a:extLst>
                  <a:ext uri="{FF2B5EF4-FFF2-40B4-BE49-F238E27FC236}">
                    <a16:creationId xmlns:a16="http://schemas.microsoft.com/office/drawing/2014/main" id="{47349CA4-9AF7-4B7C-B97D-32FCC9A753C0}"/>
                  </a:ext>
                </a:extLst>
              </p:cNvPr>
              <p:cNvSpPr/>
              <p:nvPr/>
            </p:nvSpPr>
            <p:spPr>
              <a:xfrm>
                <a:off x="5911678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93" name="Freeform: Shape 192">
                <a:extLst>
                  <a:ext uri="{FF2B5EF4-FFF2-40B4-BE49-F238E27FC236}">
                    <a16:creationId xmlns:a16="http://schemas.microsoft.com/office/drawing/2014/main" id="{DBBF3B76-9FD5-449B-9E6D-B2AE17BCC28F}"/>
                  </a:ext>
                </a:extLst>
              </p:cNvPr>
              <p:cNvSpPr/>
              <p:nvPr/>
            </p:nvSpPr>
            <p:spPr>
              <a:xfrm>
                <a:off x="5970828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94" name="Freeform: Shape 193">
                <a:extLst>
                  <a:ext uri="{FF2B5EF4-FFF2-40B4-BE49-F238E27FC236}">
                    <a16:creationId xmlns:a16="http://schemas.microsoft.com/office/drawing/2014/main" id="{E83A7097-449B-446C-9207-5C00FAB2EE58}"/>
                  </a:ext>
                </a:extLst>
              </p:cNvPr>
              <p:cNvSpPr/>
              <p:nvPr/>
            </p:nvSpPr>
            <p:spPr>
              <a:xfrm>
                <a:off x="6030074" y="3067039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95" name="Freeform: Shape 194">
                <a:extLst>
                  <a:ext uri="{FF2B5EF4-FFF2-40B4-BE49-F238E27FC236}">
                    <a16:creationId xmlns:a16="http://schemas.microsoft.com/office/drawing/2014/main" id="{E8BCF978-C1B0-4C0E-885B-67F829DF35F5}"/>
                  </a:ext>
                </a:extLst>
              </p:cNvPr>
              <p:cNvSpPr/>
              <p:nvPr/>
            </p:nvSpPr>
            <p:spPr>
              <a:xfrm>
                <a:off x="6089224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96" name="Freeform: Shape 195">
                <a:extLst>
                  <a:ext uri="{FF2B5EF4-FFF2-40B4-BE49-F238E27FC236}">
                    <a16:creationId xmlns:a16="http://schemas.microsoft.com/office/drawing/2014/main" id="{5F8A090D-EE01-4AE0-9B9D-A052A136192E}"/>
                  </a:ext>
                </a:extLst>
              </p:cNvPr>
              <p:cNvSpPr/>
              <p:nvPr/>
            </p:nvSpPr>
            <p:spPr>
              <a:xfrm>
                <a:off x="5734038" y="3126284"/>
                <a:ext cx="14192" cy="14097"/>
              </a:xfrm>
              <a:custGeom>
                <a:avLst/>
                <a:gdLst>
                  <a:gd name="connsiteX0" fmla="*/ 14192 w 14192"/>
                  <a:gd name="connsiteY0" fmla="*/ 7049 h 14097"/>
                  <a:gd name="connsiteX1" fmla="*/ 7144 w 14192"/>
                  <a:gd name="connsiteY1" fmla="*/ 14097 h 14097"/>
                  <a:gd name="connsiteX2" fmla="*/ 0 w 14192"/>
                  <a:gd name="connsiteY2" fmla="*/ 7049 h 14097"/>
                  <a:gd name="connsiteX3" fmla="*/ 7049 w 14192"/>
                  <a:gd name="connsiteY3" fmla="*/ 0 h 14097"/>
                  <a:gd name="connsiteX4" fmla="*/ 14192 w 14192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7">
                    <a:moveTo>
                      <a:pt x="14192" y="7049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97" name="Freeform: Shape 196">
                <a:extLst>
                  <a:ext uri="{FF2B5EF4-FFF2-40B4-BE49-F238E27FC236}">
                    <a16:creationId xmlns:a16="http://schemas.microsoft.com/office/drawing/2014/main" id="{F4973935-CD40-43B9-85EE-A0891CDFDFB7}"/>
                  </a:ext>
                </a:extLst>
              </p:cNvPr>
              <p:cNvSpPr/>
              <p:nvPr/>
            </p:nvSpPr>
            <p:spPr>
              <a:xfrm>
                <a:off x="5793283" y="3126282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98" name="Freeform: Shape 197">
                <a:extLst>
                  <a:ext uri="{FF2B5EF4-FFF2-40B4-BE49-F238E27FC236}">
                    <a16:creationId xmlns:a16="http://schemas.microsoft.com/office/drawing/2014/main" id="{09BF59A1-43BA-4CAA-B07E-0753B83A0711}"/>
                  </a:ext>
                </a:extLst>
              </p:cNvPr>
              <p:cNvSpPr/>
              <p:nvPr/>
            </p:nvSpPr>
            <p:spPr>
              <a:xfrm>
                <a:off x="5852433" y="312628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99" name="Freeform: Shape 198">
                <a:extLst>
                  <a:ext uri="{FF2B5EF4-FFF2-40B4-BE49-F238E27FC236}">
                    <a16:creationId xmlns:a16="http://schemas.microsoft.com/office/drawing/2014/main" id="{F7F71212-DEF7-4416-8DD0-706B9D618165}"/>
                  </a:ext>
                </a:extLst>
              </p:cNvPr>
              <p:cNvSpPr/>
              <p:nvPr/>
            </p:nvSpPr>
            <p:spPr>
              <a:xfrm>
                <a:off x="5911678" y="312628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00" name="Freeform: Shape 199">
                <a:extLst>
                  <a:ext uri="{FF2B5EF4-FFF2-40B4-BE49-F238E27FC236}">
                    <a16:creationId xmlns:a16="http://schemas.microsoft.com/office/drawing/2014/main" id="{61491CF5-2443-474B-83A8-EED5E8ABCCEB}"/>
                  </a:ext>
                </a:extLst>
              </p:cNvPr>
              <p:cNvSpPr/>
              <p:nvPr/>
            </p:nvSpPr>
            <p:spPr>
              <a:xfrm>
                <a:off x="5970828" y="312628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01" name="Freeform: Shape 200">
                <a:extLst>
                  <a:ext uri="{FF2B5EF4-FFF2-40B4-BE49-F238E27FC236}">
                    <a16:creationId xmlns:a16="http://schemas.microsoft.com/office/drawing/2014/main" id="{7A1D052A-A011-4CC1-9757-2742CF613DDE}"/>
                  </a:ext>
                </a:extLst>
              </p:cNvPr>
              <p:cNvSpPr/>
              <p:nvPr/>
            </p:nvSpPr>
            <p:spPr>
              <a:xfrm>
                <a:off x="6030073" y="3126284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8 w 14097"/>
                  <a:gd name="connsiteY1" fmla="*/ 14097 h 14097"/>
                  <a:gd name="connsiteX2" fmla="*/ 0 w 14097"/>
                  <a:gd name="connsiteY2" fmla="*/ 7049 h 14097"/>
                  <a:gd name="connsiteX3" fmla="*/ 7048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02" name="Freeform: Shape 201">
                <a:extLst>
                  <a:ext uri="{FF2B5EF4-FFF2-40B4-BE49-F238E27FC236}">
                    <a16:creationId xmlns:a16="http://schemas.microsoft.com/office/drawing/2014/main" id="{15DD3330-9838-49F4-9837-D557F3577937}"/>
                  </a:ext>
                </a:extLst>
              </p:cNvPr>
              <p:cNvSpPr/>
              <p:nvPr/>
            </p:nvSpPr>
            <p:spPr>
              <a:xfrm>
                <a:off x="6089224" y="312628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03" name="Freeform: Shape 202">
                <a:extLst>
                  <a:ext uri="{FF2B5EF4-FFF2-40B4-BE49-F238E27FC236}">
                    <a16:creationId xmlns:a16="http://schemas.microsoft.com/office/drawing/2014/main" id="{085E7E4A-1EBD-4D0A-89D3-0E91CE94BB34}"/>
                  </a:ext>
                </a:extLst>
              </p:cNvPr>
              <p:cNvSpPr/>
              <p:nvPr/>
            </p:nvSpPr>
            <p:spPr>
              <a:xfrm>
                <a:off x="5734038" y="3185434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04" name="Freeform: Shape 203">
                <a:extLst>
                  <a:ext uri="{FF2B5EF4-FFF2-40B4-BE49-F238E27FC236}">
                    <a16:creationId xmlns:a16="http://schemas.microsoft.com/office/drawing/2014/main" id="{98509262-3560-484E-B2A3-65F83E2AFF4B}"/>
                  </a:ext>
                </a:extLst>
              </p:cNvPr>
              <p:cNvSpPr/>
              <p:nvPr/>
            </p:nvSpPr>
            <p:spPr>
              <a:xfrm>
                <a:off x="5793283" y="3185434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05" name="Freeform: Shape 204">
                <a:extLst>
                  <a:ext uri="{FF2B5EF4-FFF2-40B4-BE49-F238E27FC236}">
                    <a16:creationId xmlns:a16="http://schemas.microsoft.com/office/drawing/2014/main" id="{82C01EF0-EFE1-4857-9C0F-983EF16648B2}"/>
                  </a:ext>
                </a:extLst>
              </p:cNvPr>
              <p:cNvSpPr/>
              <p:nvPr/>
            </p:nvSpPr>
            <p:spPr>
              <a:xfrm>
                <a:off x="5852433" y="318543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06" name="Freeform: Shape 205">
                <a:extLst>
                  <a:ext uri="{FF2B5EF4-FFF2-40B4-BE49-F238E27FC236}">
                    <a16:creationId xmlns:a16="http://schemas.microsoft.com/office/drawing/2014/main" id="{B35C6DB3-278C-4B06-AEE3-44D85C12E1AE}"/>
                  </a:ext>
                </a:extLst>
              </p:cNvPr>
              <p:cNvSpPr/>
              <p:nvPr/>
            </p:nvSpPr>
            <p:spPr>
              <a:xfrm>
                <a:off x="5911678" y="318543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07" name="Freeform: Shape 206">
                <a:extLst>
                  <a:ext uri="{FF2B5EF4-FFF2-40B4-BE49-F238E27FC236}">
                    <a16:creationId xmlns:a16="http://schemas.microsoft.com/office/drawing/2014/main" id="{13D90D10-B54E-4E2F-B5C7-3F4F5AA85C5C}"/>
                  </a:ext>
                </a:extLst>
              </p:cNvPr>
              <p:cNvSpPr/>
              <p:nvPr/>
            </p:nvSpPr>
            <p:spPr>
              <a:xfrm>
                <a:off x="5970828" y="318543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08" name="Freeform: Shape 207">
                <a:extLst>
                  <a:ext uri="{FF2B5EF4-FFF2-40B4-BE49-F238E27FC236}">
                    <a16:creationId xmlns:a16="http://schemas.microsoft.com/office/drawing/2014/main" id="{BCF88EFC-8669-4711-B4D8-18F82A715203}"/>
                  </a:ext>
                </a:extLst>
              </p:cNvPr>
              <p:cNvSpPr/>
              <p:nvPr/>
            </p:nvSpPr>
            <p:spPr>
              <a:xfrm>
                <a:off x="6030074" y="3185434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09" name="Freeform: Shape 208">
                <a:extLst>
                  <a:ext uri="{FF2B5EF4-FFF2-40B4-BE49-F238E27FC236}">
                    <a16:creationId xmlns:a16="http://schemas.microsoft.com/office/drawing/2014/main" id="{1C7E26B7-A2C7-4069-94EE-F81FBFCC4F88}"/>
                  </a:ext>
                </a:extLst>
              </p:cNvPr>
              <p:cNvSpPr/>
              <p:nvPr/>
            </p:nvSpPr>
            <p:spPr>
              <a:xfrm>
                <a:off x="6089224" y="318543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10" name="Freeform: Shape 209">
                <a:extLst>
                  <a:ext uri="{FF2B5EF4-FFF2-40B4-BE49-F238E27FC236}">
                    <a16:creationId xmlns:a16="http://schemas.microsoft.com/office/drawing/2014/main" id="{45992884-B014-448F-B303-A6346A877A4E}"/>
                  </a:ext>
                </a:extLst>
              </p:cNvPr>
              <p:cNvSpPr/>
              <p:nvPr/>
            </p:nvSpPr>
            <p:spPr>
              <a:xfrm>
                <a:off x="5734038" y="3244679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11" name="Freeform: Shape 210">
                <a:extLst>
                  <a:ext uri="{FF2B5EF4-FFF2-40B4-BE49-F238E27FC236}">
                    <a16:creationId xmlns:a16="http://schemas.microsoft.com/office/drawing/2014/main" id="{CE046B60-49AE-4A06-93E1-022974B3A738}"/>
                  </a:ext>
                </a:extLst>
              </p:cNvPr>
              <p:cNvSpPr/>
              <p:nvPr/>
            </p:nvSpPr>
            <p:spPr>
              <a:xfrm>
                <a:off x="5793283" y="3244677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12" name="Freeform: Shape 211">
                <a:extLst>
                  <a:ext uri="{FF2B5EF4-FFF2-40B4-BE49-F238E27FC236}">
                    <a16:creationId xmlns:a16="http://schemas.microsoft.com/office/drawing/2014/main" id="{48BEAE27-271C-428D-B5EF-F87F7359F6F0}"/>
                  </a:ext>
                </a:extLst>
              </p:cNvPr>
              <p:cNvSpPr/>
              <p:nvPr/>
            </p:nvSpPr>
            <p:spPr>
              <a:xfrm>
                <a:off x="5852433" y="3244677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13" name="Freeform: Shape 212">
                <a:extLst>
                  <a:ext uri="{FF2B5EF4-FFF2-40B4-BE49-F238E27FC236}">
                    <a16:creationId xmlns:a16="http://schemas.microsoft.com/office/drawing/2014/main" id="{A5A27244-274D-4D7E-A8D4-73F2256E8BA1}"/>
                  </a:ext>
                </a:extLst>
              </p:cNvPr>
              <p:cNvSpPr/>
              <p:nvPr/>
            </p:nvSpPr>
            <p:spPr>
              <a:xfrm>
                <a:off x="5911678" y="3244677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14" name="Freeform: Shape 213">
                <a:extLst>
                  <a:ext uri="{FF2B5EF4-FFF2-40B4-BE49-F238E27FC236}">
                    <a16:creationId xmlns:a16="http://schemas.microsoft.com/office/drawing/2014/main" id="{15FC6F33-B59A-4CCB-A310-45A01574AAD8}"/>
                  </a:ext>
                </a:extLst>
              </p:cNvPr>
              <p:cNvSpPr/>
              <p:nvPr/>
            </p:nvSpPr>
            <p:spPr>
              <a:xfrm>
                <a:off x="5970828" y="3244677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15" name="Freeform: Shape 214">
                <a:extLst>
                  <a:ext uri="{FF2B5EF4-FFF2-40B4-BE49-F238E27FC236}">
                    <a16:creationId xmlns:a16="http://schemas.microsoft.com/office/drawing/2014/main" id="{58C7C55E-C35B-401E-9068-C22F2EE68C87}"/>
                  </a:ext>
                </a:extLst>
              </p:cNvPr>
              <p:cNvSpPr/>
              <p:nvPr/>
            </p:nvSpPr>
            <p:spPr>
              <a:xfrm>
                <a:off x="6030073" y="3244679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16" name="Freeform: Shape 215">
                <a:extLst>
                  <a:ext uri="{FF2B5EF4-FFF2-40B4-BE49-F238E27FC236}">
                    <a16:creationId xmlns:a16="http://schemas.microsoft.com/office/drawing/2014/main" id="{4B71E863-1694-4370-85E9-A4DC7C544C30}"/>
                  </a:ext>
                </a:extLst>
              </p:cNvPr>
              <p:cNvSpPr/>
              <p:nvPr/>
            </p:nvSpPr>
            <p:spPr>
              <a:xfrm>
                <a:off x="6089224" y="3244677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17" name="Freeform: Shape 216">
                <a:extLst>
                  <a:ext uri="{FF2B5EF4-FFF2-40B4-BE49-F238E27FC236}">
                    <a16:creationId xmlns:a16="http://schemas.microsoft.com/office/drawing/2014/main" id="{B6F72D1A-6378-49EA-83B7-3EF500030604}"/>
                  </a:ext>
                </a:extLst>
              </p:cNvPr>
              <p:cNvSpPr/>
              <p:nvPr/>
            </p:nvSpPr>
            <p:spPr>
              <a:xfrm>
                <a:off x="5734038" y="3303829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18" name="Freeform: Shape 217">
                <a:extLst>
                  <a:ext uri="{FF2B5EF4-FFF2-40B4-BE49-F238E27FC236}">
                    <a16:creationId xmlns:a16="http://schemas.microsoft.com/office/drawing/2014/main" id="{7D8F79E4-2781-44A0-A4FB-9F34DDD998C9}"/>
                  </a:ext>
                </a:extLst>
              </p:cNvPr>
              <p:cNvSpPr/>
              <p:nvPr/>
            </p:nvSpPr>
            <p:spPr>
              <a:xfrm>
                <a:off x="5793283" y="3303829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19" name="Freeform: Shape 218">
                <a:extLst>
                  <a:ext uri="{FF2B5EF4-FFF2-40B4-BE49-F238E27FC236}">
                    <a16:creationId xmlns:a16="http://schemas.microsoft.com/office/drawing/2014/main" id="{112401E9-7F6C-44FD-BFDB-6AB513E34F13}"/>
                  </a:ext>
                </a:extLst>
              </p:cNvPr>
              <p:cNvSpPr/>
              <p:nvPr/>
            </p:nvSpPr>
            <p:spPr>
              <a:xfrm>
                <a:off x="5852433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20" name="Freeform: Shape 219">
                <a:extLst>
                  <a:ext uri="{FF2B5EF4-FFF2-40B4-BE49-F238E27FC236}">
                    <a16:creationId xmlns:a16="http://schemas.microsoft.com/office/drawing/2014/main" id="{70EF4569-106C-4743-8A96-58E8F8914E44}"/>
                  </a:ext>
                </a:extLst>
              </p:cNvPr>
              <p:cNvSpPr/>
              <p:nvPr/>
            </p:nvSpPr>
            <p:spPr>
              <a:xfrm>
                <a:off x="5911678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21" name="Freeform: Shape 220">
                <a:extLst>
                  <a:ext uri="{FF2B5EF4-FFF2-40B4-BE49-F238E27FC236}">
                    <a16:creationId xmlns:a16="http://schemas.microsoft.com/office/drawing/2014/main" id="{A8672656-3AB6-45FA-9178-6EEA584AC60F}"/>
                  </a:ext>
                </a:extLst>
              </p:cNvPr>
              <p:cNvSpPr/>
              <p:nvPr/>
            </p:nvSpPr>
            <p:spPr>
              <a:xfrm>
                <a:off x="5970828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22" name="Freeform: Shape 221">
                <a:extLst>
                  <a:ext uri="{FF2B5EF4-FFF2-40B4-BE49-F238E27FC236}">
                    <a16:creationId xmlns:a16="http://schemas.microsoft.com/office/drawing/2014/main" id="{3BE34346-DF8F-40ED-9960-375A6B408972}"/>
                  </a:ext>
                </a:extLst>
              </p:cNvPr>
              <p:cNvSpPr/>
              <p:nvPr/>
            </p:nvSpPr>
            <p:spPr>
              <a:xfrm>
                <a:off x="6030073" y="3303829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23" name="Freeform: Shape 222">
                <a:extLst>
                  <a:ext uri="{FF2B5EF4-FFF2-40B4-BE49-F238E27FC236}">
                    <a16:creationId xmlns:a16="http://schemas.microsoft.com/office/drawing/2014/main" id="{D2F41219-5DFE-4991-8A7E-D81EC1C2B5EE}"/>
                  </a:ext>
                </a:extLst>
              </p:cNvPr>
              <p:cNvSpPr/>
              <p:nvPr/>
            </p:nvSpPr>
            <p:spPr>
              <a:xfrm>
                <a:off x="6089224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24" name="Freeform: Shape 223">
                <a:extLst>
                  <a:ext uri="{FF2B5EF4-FFF2-40B4-BE49-F238E27FC236}">
                    <a16:creationId xmlns:a16="http://schemas.microsoft.com/office/drawing/2014/main" id="{631B6AB5-7C4A-4437-A6BF-C6A236896589}"/>
                  </a:ext>
                </a:extLst>
              </p:cNvPr>
              <p:cNvSpPr/>
              <p:nvPr/>
            </p:nvSpPr>
            <p:spPr>
              <a:xfrm>
                <a:off x="5734038" y="3363074"/>
                <a:ext cx="14192" cy="14097"/>
              </a:xfrm>
              <a:custGeom>
                <a:avLst/>
                <a:gdLst>
                  <a:gd name="connsiteX0" fmla="*/ 14192 w 14192"/>
                  <a:gd name="connsiteY0" fmla="*/ 7048 h 14097"/>
                  <a:gd name="connsiteX1" fmla="*/ 7144 w 14192"/>
                  <a:gd name="connsiteY1" fmla="*/ 14097 h 14097"/>
                  <a:gd name="connsiteX2" fmla="*/ 0 w 14192"/>
                  <a:gd name="connsiteY2" fmla="*/ 7048 h 14097"/>
                  <a:gd name="connsiteX3" fmla="*/ 7049 w 14192"/>
                  <a:gd name="connsiteY3" fmla="*/ 0 h 14097"/>
                  <a:gd name="connsiteX4" fmla="*/ 14192 w 14192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7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25" name="Freeform: Shape 224">
                <a:extLst>
                  <a:ext uri="{FF2B5EF4-FFF2-40B4-BE49-F238E27FC236}">
                    <a16:creationId xmlns:a16="http://schemas.microsoft.com/office/drawing/2014/main" id="{897203B5-EF0D-4F4C-A4B6-B5582F7D6A7E}"/>
                  </a:ext>
                </a:extLst>
              </p:cNvPr>
              <p:cNvSpPr/>
              <p:nvPr/>
            </p:nvSpPr>
            <p:spPr>
              <a:xfrm>
                <a:off x="5793283" y="3363072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26" name="Freeform: Shape 225">
                <a:extLst>
                  <a:ext uri="{FF2B5EF4-FFF2-40B4-BE49-F238E27FC236}">
                    <a16:creationId xmlns:a16="http://schemas.microsoft.com/office/drawing/2014/main" id="{F7733105-9EB9-4EF2-8F40-6AD21A844C7D}"/>
                  </a:ext>
                </a:extLst>
              </p:cNvPr>
              <p:cNvSpPr/>
              <p:nvPr/>
            </p:nvSpPr>
            <p:spPr>
              <a:xfrm>
                <a:off x="5852433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27" name="Freeform: Shape 226">
                <a:extLst>
                  <a:ext uri="{FF2B5EF4-FFF2-40B4-BE49-F238E27FC236}">
                    <a16:creationId xmlns:a16="http://schemas.microsoft.com/office/drawing/2014/main" id="{E63EBB4B-F5A7-4554-A0C3-AED6ACAE8C3F}"/>
                  </a:ext>
                </a:extLst>
              </p:cNvPr>
              <p:cNvSpPr/>
              <p:nvPr/>
            </p:nvSpPr>
            <p:spPr>
              <a:xfrm>
                <a:off x="5911678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28" name="Freeform: Shape 227">
                <a:extLst>
                  <a:ext uri="{FF2B5EF4-FFF2-40B4-BE49-F238E27FC236}">
                    <a16:creationId xmlns:a16="http://schemas.microsoft.com/office/drawing/2014/main" id="{CCC74397-5624-4735-BE79-E16C6A12912A}"/>
                  </a:ext>
                </a:extLst>
              </p:cNvPr>
              <p:cNvSpPr/>
              <p:nvPr/>
            </p:nvSpPr>
            <p:spPr>
              <a:xfrm>
                <a:off x="5970828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29" name="Freeform: Shape 228">
                <a:extLst>
                  <a:ext uri="{FF2B5EF4-FFF2-40B4-BE49-F238E27FC236}">
                    <a16:creationId xmlns:a16="http://schemas.microsoft.com/office/drawing/2014/main" id="{A9A30123-68A7-4CAF-ACA1-E089D30CE5F5}"/>
                  </a:ext>
                </a:extLst>
              </p:cNvPr>
              <p:cNvSpPr/>
              <p:nvPr/>
            </p:nvSpPr>
            <p:spPr>
              <a:xfrm>
                <a:off x="6030073" y="3363074"/>
                <a:ext cx="14097" cy="14097"/>
              </a:xfrm>
              <a:custGeom>
                <a:avLst/>
                <a:gdLst>
                  <a:gd name="connsiteX0" fmla="*/ 14097 w 14097"/>
                  <a:gd name="connsiteY0" fmla="*/ 7048 h 14097"/>
                  <a:gd name="connsiteX1" fmla="*/ 7048 w 14097"/>
                  <a:gd name="connsiteY1" fmla="*/ 14097 h 14097"/>
                  <a:gd name="connsiteX2" fmla="*/ 0 w 14097"/>
                  <a:gd name="connsiteY2" fmla="*/ 7048 h 14097"/>
                  <a:gd name="connsiteX3" fmla="*/ 7048 w 14097"/>
                  <a:gd name="connsiteY3" fmla="*/ 0 h 14097"/>
                  <a:gd name="connsiteX4" fmla="*/ 14097 w 14097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30" name="Freeform: Shape 229">
                <a:extLst>
                  <a:ext uri="{FF2B5EF4-FFF2-40B4-BE49-F238E27FC236}">
                    <a16:creationId xmlns:a16="http://schemas.microsoft.com/office/drawing/2014/main" id="{341E089E-6C28-47B4-8F8D-DC7B2964BFDE}"/>
                  </a:ext>
                </a:extLst>
              </p:cNvPr>
              <p:cNvSpPr/>
              <p:nvPr/>
            </p:nvSpPr>
            <p:spPr>
              <a:xfrm>
                <a:off x="6089224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31" name="Freeform: Shape 230">
                <a:extLst>
                  <a:ext uri="{FF2B5EF4-FFF2-40B4-BE49-F238E27FC236}">
                    <a16:creationId xmlns:a16="http://schemas.microsoft.com/office/drawing/2014/main" id="{60C3E376-3FA2-4F28-8E26-5126E54F2D37}"/>
                  </a:ext>
                </a:extLst>
              </p:cNvPr>
              <p:cNvSpPr/>
              <p:nvPr/>
            </p:nvSpPr>
            <p:spPr>
              <a:xfrm>
                <a:off x="5734038" y="3422225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32" name="Freeform: Shape 231">
                <a:extLst>
                  <a:ext uri="{FF2B5EF4-FFF2-40B4-BE49-F238E27FC236}">
                    <a16:creationId xmlns:a16="http://schemas.microsoft.com/office/drawing/2014/main" id="{4452E443-8362-453F-8594-E2C5D05D3398}"/>
                  </a:ext>
                </a:extLst>
              </p:cNvPr>
              <p:cNvSpPr/>
              <p:nvPr/>
            </p:nvSpPr>
            <p:spPr>
              <a:xfrm>
                <a:off x="5793283" y="3422225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33" name="Freeform: Shape 232">
                <a:extLst>
                  <a:ext uri="{FF2B5EF4-FFF2-40B4-BE49-F238E27FC236}">
                    <a16:creationId xmlns:a16="http://schemas.microsoft.com/office/drawing/2014/main" id="{C2043C4D-27CC-45D6-9A62-966A77DD5812}"/>
                  </a:ext>
                </a:extLst>
              </p:cNvPr>
              <p:cNvSpPr/>
              <p:nvPr/>
            </p:nvSpPr>
            <p:spPr>
              <a:xfrm>
                <a:off x="5852433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34" name="Freeform: Shape 233">
                <a:extLst>
                  <a:ext uri="{FF2B5EF4-FFF2-40B4-BE49-F238E27FC236}">
                    <a16:creationId xmlns:a16="http://schemas.microsoft.com/office/drawing/2014/main" id="{F2D98196-D099-495E-A828-A073967D67FB}"/>
                  </a:ext>
                </a:extLst>
              </p:cNvPr>
              <p:cNvSpPr/>
              <p:nvPr/>
            </p:nvSpPr>
            <p:spPr>
              <a:xfrm>
                <a:off x="5911678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35" name="Freeform: Shape 234">
                <a:extLst>
                  <a:ext uri="{FF2B5EF4-FFF2-40B4-BE49-F238E27FC236}">
                    <a16:creationId xmlns:a16="http://schemas.microsoft.com/office/drawing/2014/main" id="{68586E33-BCEF-4B0E-95AC-B1E8EA25C65D}"/>
                  </a:ext>
                </a:extLst>
              </p:cNvPr>
              <p:cNvSpPr/>
              <p:nvPr/>
            </p:nvSpPr>
            <p:spPr>
              <a:xfrm>
                <a:off x="5970828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36" name="Freeform: Shape 235">
                <a:extLst>
                  <a:ext uri="{FF2B5EF4-FFF2-40B4-BE49-F238E27FC236}">
                    <a16:creationId xmlns:a16="http://schemas.microsoft.com/office/drawing/2014/main" id="{D088D3EB-C95E-441B-8F56-F04DDB19F1B6}"/>
                  </a:ext>
                </a:extLst>
              </p:cNvPr>
              <p:cNvSpPr/>
              <p:nvPr/>
            </p:nvSpPr>
            <p:spPr>
              <a:xfrm>
                <a:off x="6030073" y="3422225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37" name="Freeform: Shape 236">
                <a:extLst>
                  <a:ext uri="{FF2B5EF4-FFF2-40B4-BE49-F238E27FC236}">
                    <a16:creationId xmlns:a16="http://schemas.microsoft.com/office/drawing/2014/main" id="{635A3D28-BCDB-445F-800B-8DE8585F6A30}"/>
                  </a:ext>
                </a:extLst>
              </p:cNvPr>
              <p:cNvSpPr/>
              <p:nvPr/>
            </p:nvSpPr>
            <p:spPr>
              <a:xfrm>
                <a:off x="6089224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38" name="Freeform: Shape 237">
                <a:extLst>
                  <a:ext uri="{FF2B5EF4-FFF2-40B4-BE49-F238E27FC236}">
                    <a16:creationId xmlns:a16="http://schemas.microsoft.com/office/drawing/2014/main" id="{49C1D7F6-B9CD-46FF-9058-CD4E3DC2EC5C}"/>
                  </a:ext>
                </a:extLst>
              </p:cNvPr>
              <p:cNvSpPr/>
              <p:nvPr/>
            </p:nvSpPr>
            <p:spPr>
              <a:xfrm>
                <a:off x="6148469" y="3067039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6953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048" y="0"/>
                      <a:pt x="6953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39" name="Freeform: Shape 238">
                <a:extLst>
                  <a:ext uri="{FF2B5EF4-FFF2-40B4-BE49-F238E27FC236}">
                    <a16:creationId xmlns:a16="http://schemas.microsoft.com/office/drawing/2014/main" id="{9942B8B8-7819-434C-902E-8BF793967CF2}"/>
                  </a:ext>
                </a:extLst>
              </p:cNvPr>
              <p:cNvSpPr/>
              <p:nvPr/>
            </p:nvSpPr>
            <p:spPr>
              <a:xfrm>
                <a:off x="6207620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40" name="Freeform: Shape 239">
                <a:extLst>
                  <a:ext uri="{FF2B5EF4-FFF2-40B4-BE49-F238E27FC236}">
                    <a16:creationId xmlns:a16="http://schemas.microsoft.com/office/drawing/2014/main" id="{CDF6FF28-FCCB-4FD3-B5EC-8F9E3F4A1F0B}"/>
                  </a:ext>
                </a:extLst>
              </p:cNvPr>
              <p:cNvSpPr/>
              <p:nvPr/>
            </p:nvSpPr>
            <p:spPr>
              <a:xfrm>
                <a:off x="6266865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9 w 14096"/>
                  <a:gd name="connsiteY1" fmla="*/ 14097 h 14097"/>
                  <a:gd name="connsiteX2" fmla="*/ 0 w 14096"/>
                  <a:gd name="connsiteY2" fmla="*/ 7049 h 14097"/>
                  <a:gd name="connsiteX3" fmla="*/ 6953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048" y="0"/>
                      <a:pt x="6953" y="0"/>
                    </a:cubicBezTo>
                    <a:cubicBezTo>
                      <a:pt x="10859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41" name="Freeform: Shape 240">
                <a:extLst>
                  <a:ext uri="{FF2B5EF4-FFF2-40B4-BE49-F238E27FC236}">
                    <a16:creationId xmlns:a16="http://schemas.microsoft.com/office/drawing/2014/main" id="{36634934-EC58-49CF-8AF5-0D1AD757663A}"/>
                  </a:ext>
                </a:extLst>
              </p:cNvPr>
              <p:cNvSpPr/>
              <p:nvPr/>
            </p:nvSpPr>
            <p:spPr>
              <a:xfrm>
                <a:off x="6326014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42" name="Freeform: Shape 241">
                <a:extLst>
                  <a:ext uri="{FF2B5EF4-FFF2-40B4-BE49-F238E27FC236}">
                    <a16:creationId xmlns:a16="http://schemas.microsoft.com/office/drawing/2014/main" id="{2A938075-EEBB-426F-AAEF-8DB877F1BF9F}"/>
                  </a:ext>
                </a:extLst>
              </p:cNvPr>
              <p:cNvSpPr/>
              <p:nvPr/>
            </p:nvSpPr>
            <p:spPr>
              <a:xfrm>
                <a:off x="6385260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6953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048" y="0"/>
                      <a:pt x="6953" y="0"/>
                    </a:cubicBezTo>
                    <a:cubicBezTo>
                      <a:pt x="10858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43" name="Freeform: Shape 242">
                <a:extLst>
                  <a:ext uri="{FF2B5EF4-FFF2-40B4-BE49-F238E27FC236}">
                    <a16:creationId xmlns:a16="http://schemas.microsoft.com/office/drawing/2014/main" id="{9CF2395A-C8FA-4CE0-BADE-AD9620DCAC97}"/>
                  </a:ext>
                </a:extLst>
              </p:cNvPr>
              <p:cNvSpPr/>
              <p:nvPr/>
            </p:nvSpPr>
            <p:spPr>
              <a:xfrm>
                <a:off x="6444410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8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8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44" name="Freeform: Shape 243">
                <a:extLst>
                  <a:ext uri="{FF2B5EF4-FFF2-40B4-BE49-F238E27FC236}">
                    <a16:creationId xmlns:a16="http://schemas.microsoft.com/office/drawing/2014/main" id="{724C8CBB-AE30-4BDE-9609-6AD9DC4F1A8E}"/>
                  </a:ext>
                </a:extLst>
              </p:cNvPr>
              <p:cNvSpPr/>
              <p:nvPr/>
            </p:nvSpPr>
            <p:spPr>
              <a:xfrm>
                <a:off x="6148469" y="3126281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45" name="Freeform: Shape 244">
                <a:extLst>
                  <a:ext uri="{FF2B5EF4-FFF2-40B4-BE49-F238E27FC236}">
                    <a16:creationId xmlns:a16="http://schemas.microsoft.com/office/drawing/2014/main" id="{75077D00-21A4-4EA4-A836-2E6F377DC283}"/>
                  </a:ext>
                </a:extLst>
              </p:cNvPr>
              <p:cNvSpPr/>
              <p:nvPr/>
            </p:nvSpPr>
            <p:spPr>
              <a:xfrm>
                <a:off x="6207620" y="3126281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46" name="Freeform: Shape 245">
                <a:extLst>
                  <a:ext uri="{FF2B5EF4-FFF2-40B4-BE49-F238E27FC236}">
                    <a16:creationId xmlns:a16="http://schemas.microsoft.com/office/drawing/2014/main" id="{BFE1D84B-3E9B-4355-AB70-29BD0813469B}"/>
                  </a:ext>
                </a:extLst>
              </p:cNvPr>
              <p:cNvSpPr/>
              <p:nvPr/>
            </p:nvSpPr>
            <p:spPr>
              <a:xfrm>
                <a:off x="6266865" y="3126281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9 w 14096"/>
                  <a:gd name="connsiteY1" fmla="*/ 14099 h 14099"/>
                  <a:gd name="connsiteX2" fmla="*/ 0 w 14096"/>
                  <a:gd name="connsiteY2" fmla="*/ 7051 h 14099"/>
                  <a:gd name="connsiteX3" fmla="*/ 7049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859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47" name="Freeform: Shape 246">
                <a:extLst>
                  <a:ext uri="{FF2B5EF4-FFF2-40B4-BE49-F238E27FC236}">
                    <a16:creationId xmlns:a16="http://schemas.microsoft.com/office/drawing/2014/main" id="{7E91096F-72A7-40D5-8D94-E473A526218C}"/>
                  </a:ext>
                </a:extLst>
              </p:cNvPr>
              <p:cNvSpPr/>
              <p:nvPr/>
            </p:nvSpPr>
            <p:spPr>
              <a:xfrm>
                <a:off x="6326014" y="3126281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48" name="Freeform: Shape 247">
                <a:extLst>
                  <a:ext uri="{FF2B5EF4-FFF2-40B4-BE49-F238E27FC236}">
                    <a16:creationId xmlns:a16="http://schemas.microsoft.com/office/drawing/2014/main" id="{0EB75445-3187-4401-86FD-A85FA620C85F}"/>
                  </a:ext>
                </a:extLst>
              </p:cNvPr>
              <p:cNvSpPr/>
              <p:nvPr/>
            </p:nvSpPr>
            <p:spPr>
              <a:xfrm>
                <a:off x="6385260" y="3126281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858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49" name="Freeform: Shape 248">
                <a:extLst>
                  <a:ext uri="{FF2B5EF4-FFF2-40B4-BE49-F238E27FC236}">
                    <a16:creationId xmlns:a16="http://schemas.microsoft.com/office/drawing/2014/main" id="{1D95CA2E-E941-4D26-B91B-7CDAE8112AC0}"/>
                  </a:ext>
                </a:extLst>
              </p:cNvPr>
              <p:cNvSpPr/>
              <p:nvPr/>
            </p:nvSpPr>
            <p:spPr>
              <a:xfrm>
                <a:off x="6444410" y="3126283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50" name="Freeform: Shape 249">
                <a:extLst>
                  <a:ext uri="{FF2B5EF4-FFF2-40B4-BE49-F238E27FC236}">
                    <a16:creationId xmlns:a16="http://schemas.microsoft.com/office/drawing/2014/main" id="{8A8CFFAC-749B-484A-8C17-634131D9C095}"/>
                  </a:ext>
                </a:extLst>
              </p:cNvPr>
              <p:cNvSpPr/>
              <p:nvPr/>
            </p:nvSpPr>
            <p:spPr>
              <a:xfrm>
                <a:off x="6148469" y="3185433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51" name="Freeform: Shape 250">
                <a:extLst>
                  <a:ext uri="{FF2B5EF4-FFF2-40B4-BE49-F238E27FC236}">
                    <a16:creationId xmlns:a16="http://schemas.microsoft.com/office/drawing/2014/main" id="{3125F4A7-EAFB-49D2-848F-8D0C044BE27B}"/>
                  </a:ext>
                </a:extLst>
              </p:cNvPr>
              <p:cNvSpPr/>
              <p:nvPr/>
            </p:nvSpPr>
            <p:spPr>
              <a:xfrm>
                <a:off x="6207620" y="3185433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52" name="Freeform: Shape 251">
                <a:extLst>
                  <a:ext uri="{FF2B5EF4-FFF2-40B4-BE49-F238E27FC236}">
                    <a16:creationId xmlns:a16="http://schemas.microsoft.com/office/drawing/2014/main" id="{B9B9B3BB-4B8E-4C75-96EA-4C2048C6F232}"/>
                  </a:ext>
                </a:extLst>
              </p:cNvPr>
              <p:cNvSpPr/>
              <p:nvPr/>
            </p:nvSpPr>
            <p:spPr>
              <a:xfrm>
                <a:off x="6266865" y="3185433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53" name="Freeform: Shape 252">
                <a:extLst>
                  <a:ext uri="{FF2B5EF4-FFF2-40B4-BE49-F238E27FC236}">
                    <a16:creationId xmlns:a16="http://schemas.microsoft.com/office/drawing/2014/main" id="{9017FF82-4E07-4642-AD9E-BB96D42BD639}"/>
                  </a:ext>
                </a:extLst>
              </p:cNvPr>
              <p:cNvSpPr/>
              <p:nvPr/>
            </p:nvSpPr>
            <p:spPr>
              <a:xfrm>
                <a:off x="6326014" y="3185433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54" name="Freeform: Shape 253">
                <a:extLst>
                  <a:ext uri="{FF2B5EF4-FFF2-40B4-BE49-F238E27FC236}">
                    <a16:creationId xmlns:a16="http://schemas.microsoft.com/office/drawing/2014/main" id="{6B1971AE-14DC-4045-882C-6B2E0CE3B16B}"/>
                  </a:ext>
                </a:extLst>
              </p:cNvPr>
              <p:cNvSpPr/>
              <p:nvPr/>
            </p:nvSpPr>
            <p:spPr>
              <a:xfrm>
                <a:off x="6385260" y="3185433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55" name="Freeform: Shape 254">
                <a:extLst>
                  <a:ext uri="{FF2B5EF4-FFF2-40B4-BE49-F238E27FC236}">
                    <a16:creationId xmlns:a16="http://schemas.microsoft.com/office/drawing/2014/main" id="{AA8CD457-0651-4ECC-81C7-C21EE779EDDA}"/>
                  </a:ext>
                </a:extLst>
              </p:cNvPr>
              <p:cNvSpPr/>
              <p:nvPr/>
            </p:nvSpPr>
            <p:spPr>
              <a:xfrm>
                <a:off x="6444410" y="3185432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8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8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56" name="Freeform: Shape 255">
                <a:extLst>
                  <a:ext uri="{FF2B5EF4-FFF2-40B4-BE49-F238E27FC236}">
                    <a16:creationId xmlns:a16="http://schemas.microsoft.com/office/drawing/2014/main" id="{65833210-69A5-47FF-8EA9-99D9E28B8D6D}"/>
                  </a:ext>
                </a:extLst>
              </p:cNvPr>
              <p:cNvSpPr/>
              <p:nvPr/>
            </p:nvSpPr>
            <p:spPr>
              <a:xfrm>
                <a:off x="6148469" y="3244676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57" name="Freeform: Shape 256">
                <a:extLst>
                  <a:ext uri="{FF2B5EF4-FFF2-40B4-BE49-F238E27FC236}">
                    <a16:creationId xmlns:a16="http://schemas.microsoft.com/office/drawing/2014/main" id="{C04C7A32-9FAA-4F63-9C56-4924343522E5}"/>
                  </a:ext>
                </a:extLst>
              </p:cNvPr>
              <p:cNvSpPr/>
              <p:nvPr/>
            </p:nvSpPr>
            <p:spPr>
              <a:xfrm>
                <a:off x="6207620" y="3244676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58" name="Freeform: Shape 257">
                <a:extLst>
                  <a:ext uri="{FF2B5EF4-FFF2-40B4-BE49-F238E27FC236}">
                    <a16:creationId xmlns:a16="http://schemas.microsoft.com/office/drawing/2014/main" id="{49DC777D-C77C-4470-B4AF-C884887B0C9C}"/>
                  </a:ext>
                </a:extLst>
              </p:cNvPr>
              <p:cNvSpPr/>
              <p:nvPr/>
            </p:nvSpPr>
            <p:spPr>
              <a:xfrm>
                <a:off x="6266865" y="3244676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9 w 14096"/>
                  <a:gd name="connsiteY1" fmla="*/ 14099 h 14099"/>
                  <a:gd name="connsiteX2" fmla="*/ 0 w 14096"/>
                  <a:gd name="connsiteY2" fmla="*/ 7051 h 14099"/>
                  <a:gd name="connsiteX3" fmla="*/ 7049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859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59" name="Freeform: Shape 258">
                <a:extLst>
                  <a:ext uri="{FF2B5EF4-FFF2-40B4-BE49-F238E27FC236}">
                    <a16:creationId xmlns:a16="http://schemas.microsoft.com/office/drawing/2014/main" id="{158BF1D0-C876-400E-A139-5CE34D9B7581}"/>
                  </a:ext>
                </a:extLst>
              </p:cNvPr>
              <p:cNvSpPr/>
              <p:nvPr/>
            </p:nvSpPr>
            <p:spPr>
              <a:xfrm>
                <a:off x="6326014" y="3244676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60" name="Freeform: Shape 259">
                <a:extLst>
                  <a:ext uri="{FF2B5EF4-FFF2-40B4-BE49-F238E27FC236}">
                    <a16:creationId xmlns:a16="http://schemas.microsoft.com/office/drawing/2014/main" id="{12B92D7A-51EB-488C-8B4A-2DA48105CA0C}"/>
                  </a:ext>
                </a:extLst>
              </p:cNvPr>
              <p:cNvSpPr/>
              <p:nvPr/>
            </p:nvSpPr>
            <p:spPr>
              <a:xfrm>
                <a:off x="6385260" y="3244676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858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61" name="Freeform: Shape 260">
                <a:extLst>
                  <a:ext uri="{FF2B5EF4-FFF2-40B4-BE49-F238E27FC236}">
                    <a16:creationId xmlns:a16="http://schemas.microsoft.com/office/drawing/2014/main" id="{36F35362-EC6C-4B99-8EA0-B2E5F7E57544}"/>
                  </a:ext>
                </a:extLst>
              </p:cNvPr>
              <p:cNvSpPr/>
              <p:nvPr/>
            </p:nvSpPr>
            <p:spPr>
              <a:xfrm>
                <a:off x="6444410" y="324467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62" name="Freeform: Shape 261">
                <a:extLst>
                  <a:ext uri="{FF2B5EF4-FFF2-40B4-BE49-F238E27FC236}">
                    <a16:creationId xmlns:a16="http://schemas.microsoft.com/office/drawing/2014/main" id="{E198CDFA-E8E4-4AB8-8152-70D0A9901701}"/>
                  </a:ext>
                </a:extLst>
              </p:cNvPr>
              <p:cNvSpPr/>
              <p:nvPr/>
            </p:nvSpPr>
            <p:spPr>
              <a:xfrm>
                <a:off x="6148469" y="3303829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63" name="Freeform: Shape 262">
                <a:extLst>
                  <a:ext uri="{FF2B5EF4-FFF2-40B4-BE49-F238E27FC236}">
                    <a16:creationId xmlns:a16="http://schemas.microsoft.com/office/drawing/2014/main" id="{0A6E867E-E4D5-4962-B1E3-40C1EBAD4540}"/>
                  </a:ext>
                </a:extLst>
              </p:cNvPr>
              <p:cNvSpPr/>
              <p:nvPr/>
            </p:nvSpPr>
            <p:spPr>
              <a:xfrm>
                <a:off x="6207620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64" name="Freeform: Shape 263">
                <a:extLst>
                  <a:ext uri="{FF2B5EF4-FFF2-40B4-BE49-F238E27FC236}">
                    <a16:creationId xmlns:a16="http://schemas.microsoft.com/office/drawing/2014/main" id="{80E476FD-96DE-446C-867F-9D329645237F}"/>
                  </a:ext>
                </a:extLst>
              </p:cNvPr>
              <p:cNvSpPr/>
              <p:nvPr/>
            </p:nvSpPr>
            <p:spPr>
              <a:xfrm>
                <a:off x="6266865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65" name="Freeform: Shape 264">
                <a:extLst>
                  <a:ext uri="{FF2B5EF4-FFF2-40B4-BE49-F238E27FC236}">
                    <a16:creationId xmlns:a16="http://schemas.microsoft.com/office/drawing/2014/main" id="{2A4B1DEE-9DE5-44FA-999C-35FC48FFD87B}"/>
                  </a:ext>
                </a:extLst>
              </p:cNvPr>
              <p:cNvSpPr/>
              <p:nvPr/>
            </p:nvSpPr>
            <p:spPr>
              <a:xfrm>
                <a:off x="6326014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66" name="Freeform: Shape 265">
                <a:extLst>
                  <a:ext uri="{FF2B5EF4-FFF2-40B4-BE49-F238E27FC236}">
                    <a16:creationId xmlns:a16="http://schemas.microsoft.com/office/drawing/2014/main" id="{B0466F5E-3E96-4F81-8A0D-03BE09971D09}"/>
                  </a:ext>
                </a:extLst>
              </p:cNvPr>
              <p:cNvSpPr/>
              <p:nvPr/>
            </p:nvSpPr>
            <p:spPr>
              <a:xfrm>
                <a:off x="6385260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67" name="Freeform: Shape 266">
                <a:extLst>
                  <a:ext uri="{FF2B5EF4-FFF2-40B4-BE49-F238E27FC236}">
                    <a16:creationId xmlns:a16="http://schemas.microsoft.com/office/drawing/2014/main" id="{7F10273E-D499-4A93-806B-29552CFEAB94}"/>
                  </a:ext>
                </a:extLst>
              </p:cNvPr>
              <p:cNvSpPr/>
              <p:nvPr/>
            </p:nvSpPr>
            <p:spPr>
              <a:xfrm>
                <a:off x="6444410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68" name="Freeform: Shape 267">
                <a:extLst>
                  <a:ext uri="{FF2B5EF4-FFF2-40B4-BE49-F238E27FC236}">
                    <a16:creationId xmlns:a16="http://schemas.microsoft.com/office/drawing/2014/main" id="{9F109E66-58F5-49F9-A8FA-C2C6B9D3314D}"/>
                  </a:ext>
                </a:extLst>
              </p:cNvPr>
              <p:cNvSpPr/>
              <p:nvPr/>
            </p:nvSpPr>
            <p:spPr>
              <a:xfrm>
                <a:off x="6148469" y="3363072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69" name="Freeform: Shape 268">
                <a:extLst>
                  <a:ext uri="{FF2B5EF4-FFF2-40B4-BE49-F238E27FC236}">
                    <a16:creationId xmlns:a16="http://schemas.microsoft.com/office/drawing/2014/main" id="{BEFEAFE3-481D-4BD8-8E0E-FD2D65147594}"/>
                  </a:ext>
                </a:extLst>
              </p:cNvPr>
              <p:cNvSpPr/>
              <p:nvPr/>
            </p:nvSpPr>
            <p:spPr>
              <a:xfrm>
                <a:off x="6207620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70" name="Freeform: Shape 269">
                <a:extLst>
                  <a:ext uri="{FF2B5EF4-FFF2-40B4-BE49-F238E27FC236}">
                    <a16:creationId xmlns:a16="http://schemas.microsoft.com/office/drawing/2014/main" id="{4D9F94D2-04D5-4055-ABB3-12E2D54D9168}"/>
                  </a:ext>
                </a:extLst>
              </p:cNvPr>
              <p:cNvSpPr/>
              <p:nvPr/>
            </p:nvSpPr>
            <p:spPr>
              <a:xfrm>
                <a:off x="6266865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9 w 14096"/>
                  <a:gd name="connsiteY1" fmla="*/ 14099 h 14099"/>
                  <a:gd name="connsiteX2" fmla="*/ 0 w 14096"/>
                  <a:gd name="connsiteY2" fmla="*/ 7051 h 14099"/>
                  <a:gd name="connsiteX3" fmla="*/ 7049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859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71" name="Freeform: Shape 270">
                <a:extLst>
                  <a:ext uri="{FF2B5EF4-FFF2-40B4-BE49-F238E27FC236}">
                    <a16:creationId xmlns:a16="http://schemas.microsoft.com/office/drawing/2014/main" id="{8DF12218-DA8B-4C9D-AC25-6E4EB9E5157A}"/>
                  </a:ext>
                </a:extLst>
              </p:cNvPr>
              <p:cNvSpPr/>
              <p:nvPr/>
            </p:nvSpPr>
            <p:spPr>
              <a:xfrm>
                <a:off x="6326014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72" name="Freeform: Shape 271">
                <a:extLst>
                  <a:ext uri="{FF2B5EF4-FFF2-40B4-BE49-F238E27FC236}">
                    <a16:creationId xmlns:a16="http://schemas.microsoft.com/office/drawing/2014/main" id="{0EBFC3D4-98BB-45EA-B787-42AD1392C199}"/>
                  </a:ext>
                </a:extLst>
              </p:cNvPr>
              <p:cNvSpPr/>
              <p:nvPr/>
            </p:nvSpPr>
            <p:spPr>
              <a:xfrm>
                <a:off x="6385260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858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73" name="Freeform: Shape 272">
                <a:extLst>
                  <a:ext uri="{FF2B5EF4-FFF2-40B4-BE49-F238E27FC236}">
                    <a16:creationId xmlns:a16="http://schemas.microsoft.com/office/drawing/2014/main" id="{B012490F-C6CB-4B2B-ACEE-164410E430AA}"/>
                  </a:ext>
                </a:extLst>
              </p:cNvPr>
              <p:cNvSpPr/>
              <p:nvPr/>
            </p:nvSpPr>
            <p:spPr>
              <a:xfrm>
                <a:off x="6444410" y="3363074"/>
                <a:ext cx="14096" cy="14097"/>
              </a:xfrm>
              <a:custGeom>
                <a:avLst/>
                <a:gdLst>
                  <a:gd name="connsiteX0" fmla="*/ 14097 w 14096"/>
                  <a:gd name="connsiteY0" fmla="*/ 7048 h 14097"/>
                  <a:gd name="connsiteX1" fmla="*/ 7048 w 14096"/>
                  <a:gd name="connsiteY1" fmla="*/ 14097 h 14097"/>
                  <a:gd name="connsiteX2" fmla="*/ 0 w 14096"/>
                  <a:gd name="connsiteY2" fmla="*/ 7048 h 14097"/>
                  <a:gd name="connsiteX3" fmla="*/ 7048 w 14096"/>
                  <a:gd name="connsiteY3" fmla="*/ 0 h 14097"/>
                  <a:gd name="connsiteX4" fmla="*/ 14097 w 14096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74" name="Freeform: Shape 273">
                <a:extLst>
                  <a:ext uri="{FF2B5EF4-FFF2-40B4-BE49-F238E27FC236}">
                    <a16:creationId xmlns:a16="http://schemas.microsoft.com/office/drawing/2014/main" id="{C8A0CEBF-7017-4AE8-B110-4FB98A0931A1}"/>
                  </a:ext>
                </a:extLst>
              </p:cNvPr>
              <p:cNvSpPr/>
              <p:nvPr/>
            </p:nvSpPr>
            <p:spPr>
              <a:xfrm>
                <a:off x="6148469" y="3422225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75" name="Freeform: Shape 274">
                <a:extLst>
                  <a:ext uri="{FF2B5EF4-FFF2-40B4-BE49-F238E27FC236}">
                    <a16:creationId xmlns:a16="http://schemas.microsoft.com/office/drawing/2014/main" id="{BFB90B3C-B2E2-41FC-852F-20935BD58D3F}"/>
                  </a:ext>
                </a:extLst>
              </p:cNvPr>
              <p:cNvSpPr/>
              <p:nvPr/>
            </p:nvSpPr>
            <p:spPr>
              <a:xfrm>
                <a:off x="6207620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76" name="Freeform: Shape 275">
                <a:extLst>
                  <a:ext uri="{FF2B5EF4-FFF2-40B4-BE49-F238E27FC236}">
                    <a16:creationId xmlns:a16="http://schemas.microsoft.com/office/drawing/2014/main" id="{AD216D02-05DA-4573-8119-B89DD39D163C}"/>
                  </a:ext>
                </a:extLst>
              </p:cNvPr>
              <p:cNvSpPr/>
              <p:nvPr/>
            </p:nvSpPr>
            <p:spPr>
              <a:xfrm>
                <a:off x="6266865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77" name="Freeform: Shape 276">
                <a:extLst>
                  <a:ext uri="{FF2B5EF4-FFF2-40B4-BE49-F238E27FC236}">
                    <a16:creationId xmlns:a16="http://schemas.microsoft.com/office/drawing/2014/main" id="{4AD95CA3-812D-4706-A483-37C60CEFCF96}"/>
                  </a:ext>
                </a:extLst>
              </p:cNvPr>
              <p:cNvSpPr/>
              <p:nvPr/>
            </p:nvSpPr>
            <p:spPr>
              <a:xfrm>
                <a:off x="6326014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78" name="Freeform: Shape 277">
                <a:extLst>
                  <a:ext uri="{FF2B5EF4-FFF2-40B4-BE49-F238E27FC236}">
                    <a16:creationId xmlns:a16="http://schemas.microsoft.com/office/drawing/2014/main" id="{ED7350CE-E616-42AC-8E07-41E9A7A07CA9}"/>
                  </a:ext>
                </a:extLst>
              </p:cNvPr>
              <p:cNvSpPr/>
              <p:nvPr/>
            </p:nvSpPr>
            <p:spPr>
              <a:xfrm>
                <a:off x="6385260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79" name="Freeform: Shape 278">
                <a:extLst>
                  <a:ext uri="{FF2B5EF4-FFF2-40B4-BE49-F238E27FC236}">
                    <a16:creationId xmlns:a16="http://schemas.microsoft.com/office/drawing/2014/main" id="{87A359AE-1FD7-4EC0-9759-55B2173A6EFD}"/>
                  </a:ext>
                </a:extLst>
              </p:cNvPr>
              <p:cNvSpPr/>
              <p:nvPr/>
            </p:nvSpPr>
            <p:spPr>
              <a:xfrm>
                <a:off x="6444410" y="342222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80" name="Freeform: Shape 279">
                <a:extLst>
                  <a:ext uri="{FF2B5EF4-FFF2-40B4-BE49-F238E27FC236}">
                    <a16:creationId xmlns:a16="http://schemas.microsoft.com/office/drawing/2014/main" id="{97A88E14-719D-4D47-A0A1-80D6780E8EED}"/>
                  </a:ext>
                </a:extLst>
              </p:cNvPr>
              <p:cNvSpPr/>
              <p:nvPr/>
            </p:nvSpPr>
            <p:spPr>
              <a:xfrm>
                <a:off x="5734038" y="3481374"/>
                <a:ext cx="14192" cy="14096"/>
              </a:xfrm>
              <a:custGeom>
                <a:avLst/>
                <a:gdLst>
                  <a:gd name="connsiteX0" fmla="*/ 14192 w 14192"/>
                  <a:gd name="connsiteY0" fmla="*/ 7049 h 14096"/>
                  <a:gd name="connsiteX1" fmla="*/ 7144 w 14192"/>
                  <a:gd name="connsiteY1" fmla="*/ 14097 h 14096"/>
                  <a:gd name="connsiteX2" fmla="*/ 0 w 14192"/>
                  <a:gd name="connsiteY2" fmla="*/ 7049 h 14096"/>
                  <a:gd name="connsiteX3" fmla="*/ 7049 w 14192"/>
                  <a:gd name="connsiteY3" fmla="*/ 0 h 14096"/>
                  <a:gd name="connsiteX4" fmla="*/ 14192 w 14192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9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1049"/>
                      <a:pt x="0" y="7049"/>
                    </a:cubicBezTo>
                    <a:cubicBezTo>
                      <a:pt x="0" y="3048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81" name="Freeform: Shape 280">
                <a:extLst>
                  <a:ext uri="{FF2B5EF4-FFF2-40B4-BE49-F238E27FC236}">
                    <a16:creationId xmlns:a16="http://schemas.microsoft.com/office/drawing/2014/main" id="{D16E2313-CE29-4A31-AC81-790178F4746A}"/>
                  </a:ext>
                </a:extLst>
              </p:cNvPr>
              <p:cNvSpPr/>
              <p:nvPr/>
            </p:nvSpPr>
            <p:spPr>
              <a:xfrm>
                <a:off x="5793283" y="3481374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82" name="Freeform: Shape 281">
                <a:extLst>
                  <a:ext uri="{FF2B5EF4-FFF2-40B4-BE49-F238E27FC236}">
                    <a16:creationId xmlns:a16="http://schemas.microsoft.com/office/drawing/2014/main" id="{1D1C4F29-D833-4964-B939-3B727AE1EA41}"/>
                  </a:ext>
                </a:extLst>
              </p:cNvPr>
              <p:cNvSpPr/>
              <p:nvPr/>
            </p:nvSpPr>
            <p:spPr>
              <a:xfrm>
                <a:off x="5852433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83" name="Freeform: Shape 282">
                <a:extLst>
                  <a:ext uri="{FF2B5EF4-FFF2-40B4-BE49-F238E27FC236}">
                    <a16:creationId xmlns:a16="http://schemas.microsoft.com/office/drawing/2014/main" id="{4AAC2964-5640-4A4F-AF95-C44533263206}"/>
                  </a:ext>
                </a:extLst>
              </p:cNvPr>
              <p:cNvSpPr/>
              <p:nvPr/>
            </p:nvSpPr>
            <p:spPr>
              <a:xfrm>
                <a:off x="5911678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84" name="Freeform: Shape 283">
                <a:extLst>
                  <a:ext uri="{FF2B5EF4-FFF2-40B4-BE49-F238E27FC236}">
                    <a16:creationId xmlns:a16="http://schemas.microsoft.com/office/drawing/2014/main" id="{234E3EAE-3024-4122-B3C9-D19EF89411B2}"/>
                  </a:ext>
                </a:extLst>
              </p:cNvPr>
              <p:cNvSpPr/>
              <p:nvPr/>
            </p:nvSpPr>
            <p:spPr>
              <a:xfrm>
                <a:off x="5970828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85" name="Freeform: Shape 284">
                <a:extLst>
                  <a:ext uri="{FF2B5EF4-FFF2-40B4-BE49-F238E27FC236}">
                    <a16:creationId xmlns:a16="http://schemas.microsoft.com/office/drawing/2014/main" id="{28FD952A-B49E-4AFD-BE46-A826C893BA2B}"/>
                  </a:ext>
                </a:extLst>
              </p:cNvPr>
              <p:cNvSpPr/>
              <p:nvPr/>
            </p:nvSpPr>
            <p:spPr>
              <a:xfrm>
                <a:off x="6030074" y="3481374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86" name="Freeform: Shape 285">
                <a:extLst>
                  <a:ext uri="{FF2B5EF4-FFF2-40B4-BE49-F238E27FC236}">
                    <a16:creationId xmlns:a16="http://schemas.microsoft.com/office/drawing/2014/main" id="{A8F11D09-106F-4800-8537-1511F52735A8}"/>
                  </a:ext>
                </a:extLst>
              </p:cNvPr>
              <p:cNvSpPr/>
              <p:nvPr/>
            </p:nvSpPr>
            <p:spPr>
              <a:xfrm>
                <a:off x="6089224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87" name="Freeform: Shape 286">
                <a:extLst>
                  <a:ext uri="{FF2B5EF4-FFF2-40B4-BE49-F238E27FC236}">
                    <a16:creationId xmlns:a16="http://schemas.microsoft.com/office/drawing/2014/main" id="{628B2A9C-BF81-4C2A-A82F-094822D91962}"/>
                  </a:ext>
                </a:extLst>
              </p:cNvPr>
              <p:cNvSpPr/>
              <p:nvPr/>
            </p:nvSpPr>
            <p:spPr>
              <a:xfrm>
                <a:off x="5734038" y="3540620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88" name="Freeform: Shape 287">
                <a:extLst>
                  <a:ext uri="{FF2B5EF4-FFF2-40B4-BE49-F238E27FC236}">
                    <a16:creationId xmlns:a16="http://schemas.microsoft.com/office/drawing/2014/main" id="{67DB4930-228B-47AF-AAF7-1BF8F1B48A13}"/>
                  </a:ext>
                </a:extLst>
              </p:cNvPr>
              <p:cNvSpPr/>
              <p:nvPr/>
            </p:nvSpPr>
            <p:spPr>
              <a:xfrm>
                <a:off x="5793283" y="3540620"/>
                <a:ext cx="14097" cy="14097"/>
              </a:xfrm>
              <a:custGeom>
                <a:avLst/>
                <a:gdLst>
                  <a:gd name="connsiteX0" fmla="*/ 14097 w 14097"/>
                  <a:gd name="connsiteY0" fmla="*/ 7048 h 14097"/>
                  <a:gd name="connsiteX1" fmla="*/ 7049 w 14097"/>
                  <a:gd name="connsiteY1" fmla="*/ 14097 h 14097"/>
                  <a:gd name="connsiteX2" fmla="*/ 0 w 14097"/>
                  <a:gd name="connsiteY2" fmla="*/ 7048 h 14097"/>
                  <a:gd name="connsiteX3" fmla="*/ 7049 w 14097"/>
                  <a:gd name="connsiteY3" fmla="*/ 0 h 14097"/>
                  <a:gd name="connsiteX4" fmla="*/ 14097 w 14097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89" name="Freeform: Shape 288">
                <a:extLst>
                  <a:ext uri="{FF2B5EF4-FFF2-40B4-BE49-F238E27FC236}">
                    <a16:creationId xmlns:a16="http://schemas.microsoft.com/office/drawing/2014/main" id="{5C000D14-C33C-4ABC-8859-916548DDFFB4}"/>
                  </a:ext>
                </a:extLst>
              </p:cNvPr>
              <p:cNvSpPr/>
              <p:nvPr/>
            </p:nvSpPr>
            <p:spPr>
              <a:xfrm>
                <a:off x="5852433" y="354062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90" name="Freeform: Shape 289">
                <a:extLst>
                  <a:ext uri="{FF2B5EF4-FFF2-40B4-BE49-F238E27FC236}">
                    <a16:creationId xmlns:a16="http://schemas.microsoft.com/office/drawing/2014/main" id="{EFD3C8C8-BB59-449C-B55E-01F014FF2BD1}"/>
                  </a:ext>
                </a:extLst>
              </p:cNvPr>
              <p:cNvSpPr/>
              <p:nvPr/>
            </p:nvSpPr>
            <p:spPr>
              <a:xfrm>
                <a:off x="5911678" y="354062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91" name="Freeform: Shape 290">
                <a:extLst>
                  <a:ext uri="{FF2B5EF4-FFF2-40B4-BE49-F238E27FC236}">
                    <a16:creationId xmlns:a16="http://schemas.microsoft.com/office/drawing/2014/main" id="{F67091D2-B1F6-4D9C-BE4A-EE3988A464AF}"/>
                  </a:ext>
                </a:extLst>
              </p:cNvPr>
              <p:cNvSpPr/>
              <p:nvPr/>
            </p:nvSpPr>
            <p:spPr>
              <a:xfrm>
                <a:off x="5970828" y="354062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92" name="Freeform: Shape 291">
                <a:extLst>
                  <a:ext uri="{FF2B5EF4-FFF2-40B4-BE49-F238E27FC236}">
                    <a16:creationId xmlns:a16="http://schemas.microsoft.com/office/drawing/2014/main" id="{E696DB2D-BF32-49CF-A3D0-B5BCFFFC3A7C}"/>
                  </a:ext>
                </a:extLst>
              </p:cNvPr>
              <p:cNvSpPr/>
              <p:nvPr/>
            </p:nvSpPr>
            <p:spPr>
              <a:xfrm>
                <a:off x="6030074" y="3540620"/>
                <a:ext cx="14097" cy="14097"/>
              </a:xfrm>
              <a:custGeom>
                <a:avLst/>
                <a:gdLst>
                  <a:gd name="connsiteX0" fmla="*/ 14097 w 14097"/>
                  <a:gd name="connsiteY0" fmla="*/ 7048 h 14097"/>
                  <a:gd name="connsiteX1" fmla="*/ 7049 w 14097"/>
                  <a:gd name="connsiteY1" fmla="*/ 14097 h 14097"/>
                  <a:gd name="connsiteX2" fmla="*/ 0 w 14097"/>
                  <a:gd name="connsiteY2" fmla="*/ 7048 h 14097"/>
                  <a:gd name="connsiteX3" fmla="*/ 7049 w 14097"/>
                  <a:gd name="connsiteY3" fmla="*/ 0 h 14097"/>
                  <a:gd name="connsiteX4" fmla="*/ 14097 w 14097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93" name="Freeform: Shape 292">
                <a:extLst>
                  <a:ext uri="{FF2B5EF4-FFF2-40B4-BE49-F238E27FC236}">
                    <a16:creationId xmlns:a16="http://schemas.microsoft.com/office/drawing/2014/main" id="{DA9DFC77-4503-4E27-81F8-4EC423EE7F26}"/>
                  </a:ext>
                </a:extLst>
              </p:cNvPr>
              <p:cNvSpPr/>
              <p:nvPr/>
            </p:nvSpPr>
            <p:spPr>
              <a:xfrm>
                <a:off x="6089224" y="354062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94" name="Freeform: Shape 293">
                <a:extLst>
                  <a:ext uri="{FF2B5EF4-FFF2-40B4-BE49-F238E27FC236}">
                    <a16:creationId xmlns:a16="http://schemas.microsoft.com/office/drawing/2014/main" id="{C9750606-8257-49A8-BAC6-8AF5245F225F}"/>
                  </a:ext>
                </a:extLst>
              </p:cNvPr>
              <p:cNvSpPr/>
              <p:nvPr/>
            </p:nvSpPr>
            <p:spPr>
              <a:xfrm>
                <a:off x="5734038" y="3599770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95" name="Freeform: Shape 294">
                <a:extLst>
                  <a:ext uri="{FF2B5EF4-FFF2-40B4-BE49-F238E27FC236}">
                    <a16:creationId xmlns:a16="http://schemas.microsoft.com/office/drawing/2014/main" id="{1FAF9961-6FEB-4F37-AA12-4123C2F348CF}"/>
                  </a:ext>
                </a:extLst>
              </p:cNvPr>
              <p:cNvSpPr/>
              <p:nvPr/>
            </p:nvSpPr>
            <p:spPr>
              <a:xfrm>
                <a:off x="5793283" y="3599770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96" name="Freeform: Shape 295">
                <a:extLst>
                  <a:ext uri="{FF2B5EF4-FFF2-40B4-BE49-F238E27FC236}">
                    <a16:creationId xmlns:a16="http://schemas.microsoft.com/office/drawing/2014/main" id="{ECEB85EF-07A3-4915-972B-41652BD77A0A}"/>
                  </a:ext>
                </a:extLst>
              </p:cNvPr>
              <p:cNvSpPr/>
              <p:nvPr/>
            </p:nvSpPr>
            <p:spPr>
              <a:xfrm>
                <a:off x="5852433" y="359977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97" name="Freeform: Shape 296">
                <a:extLst>
                  <a:ext uri="{FF2B5EF4-FFF2-40B4-BE49-F238E27FC236}">
                    <a16:creationId xmlns:a16="http://schemas.microsoft.com/office/drawing/2014/main" id="{70E3C169-E198-408B-8C0B-6D107638EEA4}"/>
                  </a:ext>
                </a:extLst>
              </p:cNvPr>
              <p:cNvSpPr/>
              <p:nvPr/>
            </p:nvSpPr>
            <p:spPr>
              <a:xfrm>
                <a:off x="5911678" y="359977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98" name="Freeform: Shape 297">
                <a:extLst>
                  <a:ext uri="{FF2B5EF4-FFF2-40B4-BE49-F238E27FC236}">
                    <a16:creationId xmlns:a16="http://schemas.microsoft.com/office/drawing/2014/main" id="{F55D2648-69AF-4F06-B4E2-ED7EB64562C0}"/>
                  </a:ext>
                </a:extLst>
              </p:cNvPr>
              <p:cNvSpPr/>
              <p:nvPr/>
            </p:nvSpPr>
            <p:spPr>
              <a:xfrm>
                <a:off x="5970828" y="359977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99" name="Freeform: Shape 298">
                <a:extLst>
                  <a:ext uri="{FF2B5EF4-FFF2-40B4-BE49-F238E27FC236}">
                    <a16:creationId xmlns:a16="http://schemas.microsoft.com/office/drawing/2014/main" id="{808EE613-DBD4-40A5-B2FC-FFE52B379596}"/>
                  </a:ext>
                </a:extLst>
              </p:cNvPr>
              <p:cNvSpPr/>
              <p:nvPr/>
            </p:nvSpPr>
            <p:spPr>
              <a:xfrm>
                <a:off x="6030073" y="3599770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00" name="Freeform: Shape 299">
                <a:extLst>
                  <a:ext uri="{FF2B5EF4-FFF2-40B4-BE49-F238E27FC236}">
                    <a16:creationId xmlns:a16="http://schemas.microsoft.com/office/drawing/2014/main" id="{5CF13D94-C51E-4F0C-93ED-89C74D5967D4}"/>
                  </a:ext>
                </a:extLst>
              </p:cNvPr>
              <p:cNvSpPr/>
              <p:nvPr/>
            </p:nvSpPr>
            <p:spPr>
              <a:xfrm>
                <a:off x="6089224" y="359977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01" name="Freeform: Shape 300">
                <a:extLst>
                  <a:ext uri="{FF2B5EF4-FFF2-40B4-BE49-F238E27FC236}">
                    <a16:creationId xmlns:a16="http://schemas.microsoft.com/office/drawing/2014/main" id="{D02372BC-9E3F-430B-9E13-B750B7548287}"/>
                  </a:ext>
                </a:extLst>
              </p:cNvPr>
              <p:cNvSpPr/>
              <p:nvPr/>
            </p:nvSpPr>
            <p:spPr>
              <a:xfrm>
                <a:off x="5734037" y="3659014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02" name="Freeform: Shape 301">
                <a:extLst>
                  <a:ext uri="{FF2B5EF4-FFF2-40B4-BE49-F238E27FC236}">
                    <a16:creationId xmlns:a16="http://schemas.microsoft.com/office/drawing/2014/main" id="{5CC5A4DF-827D-4F25-A560-89C50AFC96F9}"/>
                  </a:ext>
                </a:extLst>
              </p:cNvPr>
              <p:cNvSpPr/>
              <p:nvPr/>
            </p:nvSpPr>
            <p:spPr>
              <a:xfrm>
                <a:off x="5793282" y="3659014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03" name="Freeform: Shape 302">
                <a:extLst>
                  <a:ext uri="{FF2B5EF4-FFF2-40B4-BE49-F238E27FC236}">
                    <a16:creationId xmlns:a16="http://schemas.microsoft.com/office/drawing/2014/main" id="{C664ED74-3F99-4CD6-9B08-8C66D3C2384C}"/>
                  </a:ext>
                </a:extLst>
              </p:cNvPr>
              <p:cNvSpPr/>
              <p:nvPr/>
            </p:nvSpPr>
            <p:spPr>
              <a:xfrm>
                <a:off x="5852432" y="365901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04" name="Freeform: Shape 303">
                <a:extLst>
                  <a:ext uri="{FF2B5EF4-FFF2-40B4-BE49-F238E27FC236}">
                    <a16:creationId xmlns:a16="http://schemas.microsoft.com/office/drawing/2014/main" id="{A366A050-ABC8-404E-9D19-88C1BFD746AD}"/>
                  </a:ext>
                </a:extLst>
              </p:cNvPr>
              <p:cNvSpPr/>
              <p:nvPr/>
            </p:nvSpPr>
            <p:spPr>
              <a:xfrm>
                <a:off x="5911678" y="365901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05" name="Freeform: Shape 304">
                <a:extLst>
                  <a:ext uri="{FF2B5EF4-FFF2-40B4-BE49-F238E27FC236}">
                    <a16:creationId xmlns:a16="http://schemas.microsoft.com/office/drawing/2014/main" id="{E54F9189-EFA8-450C-9A79-2642C2815DC1}"/>
                  </a:ext>
                </a:extLst>
              </p:cNvPr>
              <p:cNvSpPr/>
              <p:nvPr/>
            </p:nvSpPr>
            <p:spPr>
              <a:xfrm>
                <a:off x="5970828" y="365901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06" name="Freeform: Shape 305">
                <a:extLst>
                  <a:ext uri="{FF2B5EF4-FFF2-40B4-BE49-F238E27FC236}">
                    <a16:creationId xmlns:a16="http://schemas.microsoft.com/office/drawing/2014/main" id="{83474EF4-3910-4D27-8CE9-6B0571690FB0}"/>
                  </a:ext>
                </a:extLst>
              </p:cNvPr>
              <p:cNvSpPr/>
              <p:nvPr/>
            </p:nvSpPr>
            <p:spPr>
              <a:xfrm>
                <a:off x="6030073" y="3659014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07" name="Freeform: Shape 306">
                <a:extLst>
                  <a:ext uri="{FF2B5EF4-FFF2-40B4-BE49-F238E27FC236}">
                    <a16:creationId xmlns:a16="http://schemas.microsoft.com/office/drawing/2014/main" id="{07AF992F-ECBF-4DC7-AAD7-C89A905F51C3}"/>
                  </a:ext>
                </a:extLst>
              </p:cNvPr>
              <p:cNvSpPr/>
              <p:nvPr/>
            </p:nvSpPr>
            <p:spPr>
              <a:xfrm>
                <a:off x="6089224" y="365901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08" name="Freeform: Shape 307">
                <a:extLst>
                  <a:ext uri="{FF2B5EF4-FFF2-40B4-BE49-F238E27FC236}">
                    <a16:creationId xmlns:a16="http://schemas.microsoft.com/office/drawing/2014/main" id="{8DF44771-0BBE-4ABF-A1A0-4F21168E9496}"/>
                  </a:ext>
                </a:extLst>
              </p:cNvPr>
              <p:cNvSpPr/>
              <p:nvPr/>
            </p:nvSpPr>
            <p:spPr>
              <a:xfrm>
                <a:off x="5734039" y="3718165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09" name="Freeform: Shape 308">
                <a:extLst>
                  <a:ext uri="{FF2B5EF4-FFF2-40B4-BE49-F238E27FC236}">
                    <a16:creationId xmlns:a16="http://schemas.microsoft.com/office/drawing/2014/main" id="{A83A06AC-4FF7-4E63-8018-3EC97686E21C}"/>
                  </a:ext>
                </a:extLst>
              </p:cNvPr>
              <p:cNvSpPr/>
              <p:nvPr/>
            </p:nvSpPr>
            <p:spPr>
              <a:xfrm>
                <a:off x="5793284" y="3718165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10" name="Freeform: Shape 309">
                <a:extLst>
                  <a:ext uri="{FF2B5EF4-FFF2-40B4-BE49-F238E27FC236}">
                    <a16:creationId xmlns:a16="http://schemas.microsoft.com/office/drawing/2014/main" id="{CF2D1DA8-92C8-41E9-B8CA-AA39868CBF09}"/>
                  </a:ext>
                </a:extLst>
              </p:cNvPr>
              <p:cNvSpPr/>
              <p:nvPr/>
            </p:nvSpPr>
            <p:spPr>
              <a:xfrm>
                <a:off x="5852434" y="371816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11" name="Freeform: Shape 310">
                <a:extLst>
                  <a:ext uri="{FF2B5EF4-FFF2-40B4-BE49-F238E27FC236}">
                    <a16:creationId xmlns:a16="http://schemas.microsoft.com/office/drawing/2014/main" id="{CE7EB8CC-07A4-47A7-928A-8984C4706850}"/>
                  </a:ext>
                </a:extLst>
              </p:cNvPr>
              <p:cNvSpPr/>
              <p:nvPr/>
            </p:nvSpPr>
            <p:spPr>
              <a:xfrm>
                <a:off x="5911679" y="371816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12" name="Freeform: Shape 311">
                <a:extLst>
                  <a:ext uri="{FF2B5EF4-FFF2-40B4-BE49-F238E27FC236}">
                    <a16:creationId xmlns:a16="http://schemas.microsoft.com/office/drawing/2014/main" id="{DD8F57F4-0054-4907-A5A4-FEA9B509AD36}"/>
                  </a:ext>
                </a:extLst>
              </p:cNvPr>
              <p:cNvSpPr/>
              <p:nvPr/>
            </p:nvSpPr>
            <p:spPr>
              <a:xfrm>
                <a:off x="5970829" y="371816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13" name="Freeform: Shape 312">
                <a:extLst>
                  <a:ext uri="{FF2B5EF4-FFF2-40B4-BE49-F238E27FC236}">
                    <a16:creationId xmlns:a16="http://schemas.microsoft.com/office/drawing/2014/main" id="{60ED5BA9-E036-40AE-A6CC-0DECB39D5A46}"/>
                  </a:ext>
                </a:extLst>
              </p:cNvPr>
              <p:cNvSpPr/>
              <p:nvPr/>
            </p:nvSpPr>
            <p:spPr>
              <a:xfrm>
                <a:off x="6030074" y="3718165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14" name="Freeform: Shape 313">
                <a:extLst>
                  <a:ext uri="{FF2B5EF4-FFF2-40B4-BE49-F238E27FC236}">
                    <a16:creationId xmlns:a16="http://schemas.microsoft.com/office/drawing/2014/main" id="{0FD10507-E725-4668-A9B2-F1C23A57A161}"/>
                  </a:ext>
                </a:extLst>
              </p:cNvPr>
              <p:cNvSpPr/>
              <p:nvPr/>
            </p:nvSpPr>
            <p:spPr>
              <a:xfrm>
                <a:off x="6089225" y="371816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15" name="Freeform: Shape 314">
                <a:extLst>
                  <a:ext uri="{FF2B5EF4-FFF2-40B4-BE49-F238E27FC236}">
                    <a16:creationId xmlns:a16="http://schemas.microsoft.com/office/drawing/2014/main" id="{D1C0A19B-7E91-4068-9AA4-14FA512E22BD}"/>
                  </a:ext>
                </a:extLst>
              </p:cNvPr>
              <p:cNvSpPr/>
              <p:nvPr/>
            </p:nvSpPr>
            <p:spPr>
              <a:xfrm>
                <a:off x="5734040" y="3777410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16" name="Freeform: Shape 315">
                <a:extLst>
                  <a:ext uri="{FF2B5EF4-FFF2-40B4-BE49-F238E27FC236}">
                    <a16:creationId xmlns:a16="http://schemas.microsoft.com/office/drawing/2014/main" id="{280850D2-6E89-4131-9FB7-A009F965BDEB}"/>
                  </a:ext>
                </a:extLst>
              </p:cNvPr>
              <p:cNvSpPr/>
              <p:nvPr/>
            </p:nvSpPr>
            <p:spPr>
              <a:xfrm>
                <a:off x="5793285" y="3777410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17" name="Freeform: Shape 316">
                <a:extLst>
                  <a:ext uri="{FF2B5EF4-FFF2-40B4-BE49-F238E27FC236}">
                    <a16:creationId xmlns:a16="http://schemas.microsoft.com/office/drawing/2014/main" id="{9FE1F233-525B-490D-92CE-E84B86136916}"/>
                  </a:ext>
                </a:extLst>
              </p:cNvPr>
              <p:cNvSpPr/>
              <p:nvPr/>
            </p:nvSpPr>
            <p:spPr>
              <a:xfrm>
                <a:off x="5852436" y="3777408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18" name="Freeform: Shape 317">
                <a:extLst>
                  <a:ext uri="{FF2B5EF4-FFF2-40B4-BE49-F238E27FC236}">
                    <a16:creationId xmlns:a16="http://schemas.microsoft.com/office/drawing/2014/main" id="{7181D01C-96B5-44C1-A386-30CE0F738E0D}"/>
                  </a:ext>
                </a:extLst>
              </p:cNvPr>
              <p:cNvSpPr/>
              <p:nvPr/>
            </p:nvSpPr>
            <p:spPr>
              <a:xfrm>
                <a:off x="5911683" y="3777408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19" name="Freeform: Shape 318">
                <a:extLst>
                  <a:ext uri="{FF2B5EF4-FFF2-40B4-BE49-F238E27FC236}">
                    <a16:creationId xmlns:a16="http://schemas.microsoft.com/office/drawing/2014/main" id="{E2B633A1-C30D-4403-AC8F-43AC6B9B7EA1}"/>
                  </a:ext>
                </a:extLst>
              </p:cNvPr>
              <p:cNvSpPr/>
              <p:nvPr/>
            </p:nvSpPr>
            <p:spPr>
              <a:xfrm>
                <a:off x="5970835" y="3777408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20" name="Freeform: Shape 319">
                <a:extLst>
                  <a:ext uri="{FF2B5EF4-FFF2-40B4-BE49-F238E27FC236}">
                    <a16:creationId xmlns:a16="http://schemas.microsoft.com/office/drawing/2014/main" id="{6A8ADFAF-7B99-4AF5-8AD0-6F6396B1E2AC}"/>
                  </a:ext>
                </a:extLst>
              </p:cNvPr>
              <p:cNvSpPr/>
              <p:nvPr/>
            </p:nvSpPr>
            <p:spPr>
              <a:xfrm>
                <a:off x="6030082" y="3777410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21" name="Freeform: Shape 320">
                <a:extLst>
                  <a:ext uri="{FF2B5EF4-FFF2-40B4-BE49-F238E27FC236}">
                    <a16:creationId xmlns:a16="http://schemas.microsoft.com/office/drawing/2014/main" id="{BF24EED6-9FF6-4D3B-B888-7C128BA748FD}"/>
                  </a:ext>
                </a:extLst>
              </p:cNvPr>
              <p:cNvSpPr/>
              <p:nvPr/>
            </p:nvSpPr>
            <p:spPr>
              <a:xfrm>
                <a:off x="6089231" y="3777408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22" name="Freeform: Shape 321">
                <a:extLst>
                  <a:ext uri="{FF2B5EF4-FFF2-40B4-BE49-F238E27FC236}">
                    <a16:creationId xmlns:a16="http://schemas.microsoft.com/office/drawing/2014/main" id="{6120BD91-6B39-4427-90EE-7F3AA46700A4}"/>
                  </a:ext>
                </a:extLst>
              </p:cNvPr>
              <p:cNvSpPr/>
              <p:nvPr/>
            </p:nvSpPr>
            <p:spPr>
              <a:xfrm>
                <a:off x="6148476" y="3481374"/>
                <a:ext cx="14097" cy="14096"/>
              </a:xfrm>
              <a:custGeom>
                <a:avLst/>
                <a:gdLst>
                  <a:gd name="connsiteX0" fmla="*/ 14097 w 14097"/>
                  <a:gd name="connsiteY0" fmla="*/ 7049 h 14096"/>
                  <a:gd name="connsiteX1" fmla="*/ 7049 w 14097"/>
                  <a:gd name="connsiteY1" fmla="*/ 14097 h 14096"/>
                  <a:gd name="connsiteX2" fmla="*/ 0 w 14097"/>
                  <a:gd name="connsiteY2" fmla="*/ 7049 h 14096"/>
                  <a:gd name="connsiteX3" fmla="*/ 7049 w 14097"/>
                  <a:gd name="connsiteY3" fmla="*/ 0 h 14096"/>
                  <a:gd name="connsiteX4" fmla="*/ 14097 w 14097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23" name="Freeform: Shape 322">
                <a:extLst>
                  <a:ext uri="{FF2B5EF4-FFF2-40B4-BE49-F238E27FC236}">
                    <a16:creationId xmlns:a16="http://schemas.microsoft.com/office/drawing/2014/main" id="{99BA16F9-242B-4140-BC3F-17E348414733}"/>
                  </a:ext>
                </a:extLst>
              </p:cNvPr>
              <p:cNvSpPr/>
              <p:nvPr/>
            </p:nvSpPr>
            <p:spPr>
              <a:xfrm>
                <a:off x="6207627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24" name="Freeform: Shape 323">
                <a:extLst>
                  <a:ext uri="{FF2B5EF4-FFF2-40B4-BE49-F238E27FC236}">
                    <a16:creationId xmlns:a16="http://schemas.microsoft.com/office/drawing/2014/main" id="{814ACF54-DEC1-429C-85FA-022FE7302222}"/>
                  </a:ext>
                </a:extLst>
              </p:cNvPr>
              <p:cNvSpPr/>
              <p:nvPr/>
            </p:nvSpPr>
            <p:spPr>
              <a:xfrm>
                <a:off x="6266872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9 w 14096"/>
                  <a:gd name="connsiteY1" fmla="*/ 14097 h 14096"/>
                  <a:gd name="connsiteX2" fmla="*/ 0 w 14096"/>
                  <a:gd name="connsiteY2" fmla="*/ 7049 h 14096"/>
                  <a:gd name="connsiteX3" fmla="*/ 7049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25" name="Freeform: Shape 324">
                <a:extLst>
                  <a:ext uri="{FF2B5EF4-FFF2-40B4-BE49-F238E27FC236}">
                    <a16:creationId xmlns:a16="http://schemas.microsoft.com/office/drawing/2014/main" id="{8E30803D-601A-44AA-8D2C-F89DB4ADF487}"/>
                  </a:ext>
                </a:extLst>
              </p:cNvPr>
              <p:cNvSpPr/>
              <p:nvPr/>
            </p:nvSpPr>
            <p:spPr>
              <a:xfrm>
                <a:off x="6326022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26" name="Freeform: Shape 325">
                <a:extLst>
                  <a:ext uri="{FF2B5EF4-FFF2-40B4-BE49-F238E27FC236}">
                    <a16:creationId xmlns:a16="http://schemas.microsoft.com/office/drawing/2014/main" id="{4E6EEE87-0C42-4413-8EA5-706C464D32B5}"/>
                  </a:ext>
                </a:extLst>
              </p:cNvPr>
              <p:cNvSpPr/>
              <p:nvPr/>
            </p:nvSpPr>
            <p:spPr>
              <a:xfrm>
                <a:off x="6385268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27" name="Freeform: Shape 326">
                <a:extLst>
                  <a:ext uri="{FF2B5EF4-FFF2-40B4-BE49-F238E27FC236}">
                    <a16:creationId xmlns:a16="http://schemas.microsoft.com/office/drawing/2014/main" id="{0832DF18-6AAF-4499-8D30-5A79B18EC003}"/>
                  </a:ext>
                </a:extLst>
              </p:cNvPr>
              <p:cNvSpPr/>
              <p:nvPr/>
            </p:nvSpPr>
            <p:spPr>
              <a:xfrm>
                <a:off x="6444417" y="3481373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8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8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28" name="Freeform: Shape 327">
                <a:extLst>
                  <a:ext uri="{FF2B5EF4-FFF2-40B4-BE49-F238E27FC236}">
                    <a16:creationId xmlns:a16="http://schemas.microsoft.com/office/drawing/2014/main" id="{4AD66F08-011B-4A20-B1E5-D3A9A35AA4EB}"/>
                  </a:ext>
                </a:extLst>
              </p:cNvPr>
              <p:cNvSpPr/>
              <p:nvPr/>
            </p:nvSpPr>
            <p:spPr>
              <a:xfrm>
                <a:off x="6148476" y="3540622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29" name="Freeform: Shape 328">
                <a:extLst>
                  <a:ext uri="{FF2B5EF4-FFF2-40B4-BE49-F238E27FC236}">
                    <a16:creationId xmlns:a16="http://schemas.microsoft.com/office/drawing/2014/main" id="{BBD23BB3-08F2-47BC-B141-4E6ED9492AA2}"/>
                  </a:ext>
                </a:extLst>
              </p:cNvPr>
              <p:cNvSpPr/>
              <p:nvPr/>
            </p:nvSpPr>
            <p:spPr>
              <a:xfrm>
                <a:off x="6207627" y="3540623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30" name="Freeform: Shape 329">
                <a:extLst>
                  <a:ext uri="{FF2B5EF4-FFF2-40B4-BE49-F238E27FC236}">
                    <a16:creationId xmlns:a16="http://schemas.microsoft.com/office/drawing/2014/main" id="{B3CE711A-2069-42C1-98C4-4508B5943F6A}"/>
                  </a:ext>
                </a:extLst>
              </p:cNvPr>
              <p:cNvSpPr/>
              <p:nvPr/>
            </p:nvSpPr>
            <p:spPr>
              <a:xfrm>
                <a:off x="6266872" y="35406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31" name="Freeform: Shape 330">
                <a:extLst>
                  <a:ext uri="{FF2B5EF4-FFF2-40B4-BE49-F238E27FC236}">
                    <a16:creationId xmlns:a16="http://schemas.microsoft.com/office/drawing/2014/main" id="{26B8F21B-C222-4784-8D4C-7D5D24EA1F38}"/>
                  </a:ext>
                </a:extLst>
              </p:cNvPr>
              <p:cNvSpPr/>
              <p:nvPr/>
            </p:nvSpPr>
            <p:spPr>
              <a:xfrm>
                <a:off x="6326022" y="3540627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32" name="Freeform: Shape 331">
                <a:extLst>
                  <a:ext uri="{FF2B5EF4-FFF2-40B4-BE49-F238E27FC236}">
                    <a16:creationId xmlns:a16="http://schemas.microsoft.com/office/drawing/2014/main" id="{58C4C653-04CF-45EA-92F4-3B76B0AA9719}"/>
                  </a:ext>
                </a:extLst>
              </p:cNvPr>
              <p:cNvSpPr/>
              <p:nvPr/>
            </p:nvSpPr>
            <p:spPr>
              <a:xfrm>
                <a:off x="6385268" y="354063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33" name="Freeform: Shape 332">
                <a:extLst>
                  <a:ext uri="{FF2B5EF4-FFF2-40B4-BE49-F238E27FC236}">
                    <a16:creationId xmlns:a16="http://schemas.microsoft.com/office/drawing/2014/main" id="{755FD61D-1008-46FD-86B1-4F633814A453}"/>
                  </a:ext>
                </a:extLst>
              </p:cNvPr>
              <p:cNvSpPr/>
              <p:nvPr/>
            </p:nvSpPr>
            <p:spPr>
              <a:xfrm>
                <a:off x="6444417" y="3540631"/>
                <a:ext cx="14096" cy="14097"/>
              </a:xfrm>
              <a:custGeom>
                <a:avLst/>
                <a:gdLst>
                  <a:gd name="connsiteX0" fmla="*/ 14097 w 14096"/>
                  <a:gd name="connsiteY0" fmla="*/ 7048 h 14097"/>
                  <a:gd name="connsiteX1" fmla="*/ 7048 w 14096"/>
                  <a:gd name="connsiteY1" fmla="*/ 14097 h 14097"/>
                  <a:gd name="connsiteX2" fmla="*/ 0 w 14096"/>
                  <a:gd name="connsiteY2" fmla="*/ 7048 h 14097"/>
                  <a:gd name="connsiteX3" fmla="*/ 7048 w 14096"/>
                  <a:gd name="connsiteY3" fmla="*/ 0 h 14097"/>
                  <a:gd name="connsiteX4" fmla="*/ 14097 w 14096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8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8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34" name="Freeform: Shape 333">
                <a:extLst>
                  <a:ext uri="{FF2B5EF4-FFF2-40B4-BE49-F238E27FC236}">
                    <a16:creationId xmlns:a16="http://schemas.microsoft.com/office/drawing/2014/main" id="{A3DBC891-2610-4AC1-B1D3-806E504EF435}"/>
                  </a:ext>
                </a:extLst>
              </p:cNvPr>
              <p:cNvSpPr/>
              <p:nvPr/>
            </p:nvSpPr>
            <p:spPr>
              <a:xfrm>
                <a:off x="6148476" y="3599781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35" name="Freeform: Shape 334">
                <a:extLst>
                  <a:ext uri="{FF2B5EF4-FFF2-40B4-BE49-F238E27FC236}">
                    <a16:creationId xmlns:a16="http://schemas.microsoft.com/office/drawing/2014/main" id="{4D9F77CB-AC06-45E2-B791-BA0A7FC6A6C5}"/>
                  </a:ext>
                </a:extLst>
              </p:cNvPr>
              <p:cNvSpPr/>
              <p:nvPr/>
            </p:nvSpPr>
            <p:spPr>
              <a:xfrm>
                <a:off x="6207627" y="3599781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36" name="Freeform: Shape 335">
                <a:extLst>
                  <a:ext uri="{FF2B5EF4-FFF2-40B4-BE49-F238E27FC236}">
                    <a16:creationId xmlns:a16="http://schemas.microsoft.com/office/drawing/2014/main" id="{9006458F-4478-468F-ADDA-3A1A260F2798}"/>
                  </a:ext>
                </a:extLst>
              </p:cNvPr>
              <p:cNvSpPr/>
              <p:nvPr/>
            </p:nvSpPr>
            <p:spPr>
              <a:xfrm>
                <a:off x="6266872" y="3599781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37" name="Freeform: Shape 336">
                <a:extLst>
                  <a:ext uri="{FF2B5EF4-FFF2-40B4-BE49-F238E27FC236}">
                    <a16:creationId xmlns:a16="http://schemas.microsoft.com/office/drawing/2014/main" id="{366818E9-6C2E-4220-8542-BD64F8B7EE81}"/>
                  </a:ext>
                </a:extLst>
              </p:cNvPr>
              <p:cNvSpPr/>
              <p:nvPr/>
            </p:nvSpPr>
            <p:spPr>
              <a:xfrm>
                <a:off x="6326022" y="3599781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38" name="Freeform: Shape 337">
                <a:extLst>
                  <a:ext uri="{FF2B5EF4-FFF2-40B4-BE49-F238E27FC236}">
                    <a16:creationId xmlns:a16="http://schemas.microsoft.com/office/drawing/2014/main" id="{BD7BF3C8-FAD3-44BA-A91A-7FCE6DCE83E9}"/>
                  </a:ext>
                </a:extLst>
              </p:cNvPr>
              <p:cNvSpPr/>
              <p:nvPr/>
            </p:nvSpPr>
            <p:spPr>
              <a:xfrm>
                <a:off x="6385268" y="359978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39" name="Freeform: Shape 338">
                <a:extLst>
                  <a:ext uri="{FF2B5EF4-FFF2-40B4-BE49-F238E27FC236}">
                    <a16:creationId xmlns:a16="http://schemas.microsoft.com/office/drawing/2014/main" id="{A675950D-FE3F-4100-8304-02525FC59CA4}"/>
                  </a:ext>
                </a:extLst>
              </p:cNvPr>
              <p:cNvSpPr/>
              <p:nvPr/>
            </p:nvSpPr>
            <p:spPr>
              <a:xfrm>
                <a:off x="6444417" y="3599782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40" name="Freeform: Shape 339">
                <a:extLst>
                  <a:ext uri="{FF2B5EF4-FFF2-40B4-BE49-F238E27FC236}">
                    <a16:creationId xmlns:a16="http://schemas.microsoft.com/office/drawing/2014/main" id="{67959628-A9E4-4868-B5C4-02A208D9EABC}"/>
                  </a:ext>
                </a:extLst>
              </p:cNvPr>
              <p:cNvSpPr/>
              <p:nvPr/>
            </p:nvSpPr>
            <p:spPr>
              <a:xfrm>
                <a:off x="6148476" y="3659026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41" name="Freeform: Shape 340">
                <a:extLst>
                  <a:ext uri="{FF2B5EF4-FFF2-40B4-BE49-F238E27FC236}">
                    <a16:creationId xmlns:a16="http://schemas.microsoft.com/office/drawing/2014/main" id="{ADECC7F1-0F45-486A-A990-EB276BB3384F}"/>
                  </a:ext>
                </a:extLst>
              </p:cNvPr>
              <p:cNvSpPr/>
              <p:nvPr/>
            </p:nvSpPr>
            <p:spPr>
              <a:xfrm>
                <a:off x="6207627" y="36590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42" name="Freeform: Shape 341">
                <a:extLst>
                  <a:ext uri="{FF2B5EF4-FFF2-40B4-BE49-F238E27FC236}">
                    <a16:creationId xmlns:a16="http://schemas.microsoft.com/office/drawing/2014/main" id="{1245F143-DC77-4399-A4A7-A1F3B3918032}"/>
                  </a:ext>
                </a:extLst>
              </p:cNvPr>
              <p:cNvSpPr/>
              <p:nvPr/>
            </p:nvSpPr>
            <p:spPr>
              <a:xfrm>
                <a:off x="6266872" y="36590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43" name="Freeform: Shape 342">
                <a:extLst>
                  <a:ext uri="{FF2B5EF4-FFF2-40B4-BE49-F238E27FC236}">
                    <a16:creationId xmlns:a16="http://schemas.microsoft.com/office/drawing/2014/main" id="{475F08F8-55E9-4206-9AAE-E916FC31406E}"/>
                  </a:ext>
                </a:extLst>
              </p:cNvPr>
              <p:cNvSpPr/>
              <p:nvPr/>
            </p:nvSpPr>
            <p:spPr>
              <a:xfrm>
                <a:off x="6326022" y="36590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44" name="Freeform: Shape 343">
                <a:extLst>
                  <a:ext uri="{FF2B5EF4-FFF2-40B4-BE49-F238E27FC236}">
                    <a16:creationId xmlns:a16="http://schemas.microsoft.com/office/drawing/2014/main" id="{B161936D-1B88-4DE0-9773-06D8E71E803C}"/>
                  </a:ext>
                </a:extLst>
              </p:cNvPr>
              <p:cNvSpPr/>
              <p:nvPr/>
            </p:nvSpPr>
            <p:spPr>
              <a:xfrm>
                <a:off x="6385268" y="36590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45" name="Freeform: Shape 344">
                <a:extLst>
                  <a:ext uri="{FF2B5EF4-FFF2-40B4-BE49-F238E27FC236}">
                    <a16:creationId xmlns:a16="http://schemas.microsoft.com/office/drawing/2014/main" id="{D9EA60CC-AC1F-49D4-94B1-48FD127B43A7}"/>
                  </a:ext>
                </a:extLst>
              </p:cNvPr>
              <p:cNvSpPr/>
              <p:nvPr/>
            </p:nvSpPr>
            <p:spPr>
              <a:xfrm>
                <a:off x="6444417" y="36590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46" name="Freeform: Shape 345">
                <a:extLst>
                  <a:ext uri="{FF2B5EF4-FFF2-40B4-BE49-F238E27FC236}">
                    <a16:creationId xmlns:a16="http://schemas.microsoft.com/office/drawing/2014/main" id="{56AE36DF-ED72-4751-A123-9AD7BA0CEEE0}"/>
                  </a:ext>
                </a:extLst>
              </p:cNvPr>
              <p:cNvSpPr/>
              <p:nvPr/>
            </p:nvSpPr>
            <p:spPr>
              <a:xfrm>
                <a:off x="6148476" y="3718177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47" name="Freeform: Shape 346">
                <a:extLst>
                  <a:ext uri="{FF2B5EF4-FFF2-40B4-BE49-F238E27FC236}">
                    <a16:creationId xmlns:a16="http://schemas.microsoft.com/office/drawing/2014/main" id="{856DA2E5-CBAE-4B4F-A30B-DFC1EE9B592C}"/>
                  </a:ext>
                </a:extLst>
              </p:cNvPr>
              <p:cNvSpPr/>
              <p:nvPr/>
            </p:nvSpPr>
            <p:spPr>
              <a:xfrm>
                <a:off x="6207627" y="3718177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48" name="Freeform: Shape 347">
                <a:extLst>
                  <a:ext uri="{FF2B5EF4-FFF2-40B4-BE49-F238E27FC236}">
                    <a16:creationId xmlns:a16="http://schemas.microsoft.com/office/drawing/2014/main" id="{5E60101A-81EF-48E2-B67D-EB8847278D98}"/>
                  </a:ext>
                </a:extLst>
              </p:cNvPr>
              <p:cNvSpPr/>
              <p:nvPr/>
            </p:nvSpPr>
            <p:spPr>
              <a:xfrm>
                <a:off x="6266872" y="3718177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49" name="Freeform: Shape 348">
                <a:extLst>
                  <a:ext uri="{FF2B5EF4-FFF2-40B4-BE49-F238E27FC236}">
                    <a16:creationId xmlns:a16="http://schemas.microsoft.com/office/drawing/2014/main" id="{623BF631-A52C-4AAD-B012-1FD678A1F657}"/>
                  </a:ext>
                </a:extLst>
              </p:cNvPr>
              <p:cNvSpPr/>
              <p:nvPr/>
            </p:nvSpPr>
            <p:spPr>
              <a:xfrm>
                <a:off x="6326022" y="3718177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50" name="Freeform: Shape 349">
                <a:extLst>
                  <a:ext uri="{FF2B5EF4-FFF2-40B4-BE49-F238E27FC236}">
                    <a16:creationId xmlns:a16="http://schemas.microsoft.com/office/drawing/2014/main" id="{3BA8C092-E3E4-4EA7-A73A-3BB13B493E2D}"/>
                  </a:ext>
                </a:extLst>
              </p:cNvPr>
              <p:cNvSpPr/>
              <p:nvPr/>
            </p:nvSpPr>
            <p:spPr>
              <a:xfrm>
                <a:off x="6385268" y="3718172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51" name="Freeform: Shape 350">
                <a:extLst>
                  <a:ext uri="{FF2B5EF4-FFF2-40B4-BE49-F238E27FC236}">
                    <a16:creationId xmlns:a16="http://schemas.microsoft.com/office/drawing/2014/main" id="{E4D5F4C5-FFAD-41D1-9E66-8DEA9AE3C68A}"/>
                  </a:ext>
                </a:extLst>
              </p:cNvPr>
              <p:cNvSpPr/>
              <p:nvPr/>
            </p:nvSpPr>
            <p:spPr>
              <a:xfrm>
                <a:off x="6444417" y="371817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52" name="Freeform: Shape 351">
                <a:extLst>
                  <a:ext uri="{FF2B5EF4-FFF2-40B4-BE49-F238E27FC236}">
                    <a16:creationId xmlns:a16="http://schemas.microsoft.com/office/drawing/2014/main" id="{1B80E2AD-D598-4076-9A70-3FF60D761AAE}"/>
                  </a:ext>
                </a:extLst>
              </p:cNvPr>
              <p:cNvSpPr/>
              <p:nvPr/>
            </p:nvSpPr>
            <p:spPr>
              <a:xfrm>
                <a:off x="6148472" y="3777419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53" name="Freeform: Shape 352">
                <a:extLst>
                  <a:ext uri="{FF2B5EF4-FFF2-40B4-BE49-F238E27FC236}">
                    <a16:creationId xmlns:a16="http://schemas.microsoft.com/office/drawing/2014/main" id="{1E139F40-06E7-4E2F-A479-392BC2D27152}"/>
                  </a:ext>
                </a:extLst>
              </p:cNvPr>
              <p:cNvSpPr/>
              <p:nvPr/>
            </p:nvSpPr>
            <p:spPr>
              <a:xfrm>
                <a:off x="6207622" y="3777419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54" name="Freeform: Shape 353">
                <a:extLst>
                  <a:ext uri="{FF2B5EF4-FFF2-40B4-BE49-F238E27FC236}">
                    <a16:creationId xmlns:a16="http://schemas.microsoft.com/office/drawing/2014/main" id="{57B33B74-723F-44E4-8CF7-F68B6BBEE243}"/>
                  </a:ext>
                </a:extLst>
              </p:cNvPr>
              <p:cNvSpPr/>
              <p:nvPr/>
            </p:nvSpPr>
            <p:spPr>
              <a:xfrm>
                <a:off x="6266868" y="3777419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9 w 14096"/>
                  <a:gd name="connsiteY1" fmla="*/ 14099 h 14099"/>
                  <a:gd name="connsiteX2" fmla="*/ 0 w 14096"/>
                  <a:gd name="connsiteY2" fmla="*/ 7051 h 14099"/>
                  <a:gd name="connsiteX3" fmla="*/ 7049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859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55" name="Freeform: Shape 354">
                <a:extLst>
                  <a:ext uri="{FF2B5EF4-FFF2-40B4-BE49-F238E27FC236}">
                    <a16:creationId xmlns:a16="http://schemas.microsoft.com/office/drawing/2014/main" id="{3300C380-880A-440E-AD73-941A859A69BF}"/>
                  </a:ext>
                </a:extLst>
              </p:cNvPr>
              <p:cNvSpPr/>
              <p:nvPr/>
            </p:nvSpPr>
            <p:spPr>
              <a:xfrm>
                <a:off x="6326024" y="3777383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56" name="Freeform: Shape 355">
                <a:extLst>
                  <a:ext uri="{FF2B5EF4-FFF2-40B4-BE49-F238E27FC236}">
                    <a16:creationId xmlns:a16="http://schemas.microsoft.com/office/drawing/2014/main" id="{8649CE7C-4F6C-4C19-9A37-881B022144B8}"/>
                  </a:ext>
                </a:extLst>
              </p:cNvPr>
              <p:cNvSpPr/>
              <p:nvPr/>
            </p:nvSpPr>
            <p:spPr>
              <a:xfrm>
                <a:off x="6385287" y="3777429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858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57" name="Freeform: Shape 356">
                <a:extLst>
                  <a:ext uri="{FF2B5EF4-FFF2-40B4-BE49-F238E27FC236}">
                    <a16:creationId xmlns:a16="http://schemas.microsoft.com/office/drawing/2014/main" id="{88A320C2-A1D9-4FC0-89CA-B951E12B32C0}"/>
                  </a:ext>
                </a:extLst>
              </p:cNvPr>
              <p:cNvSpPr/>
              <p:nvPr/>
            </p:nvSpPr>
            <p:spPr>
              <a:xfrm>
                <a:off x="6444424" y="377742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8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8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</p:grpSp>
        <p:grpSp>
          <p:nvGrpSpPr>
            <p:cNvPr id="19" name="Graphic 4">
              <a:extLst>
                <a:ext uri="{FF2B5EF4-FFF2-40B4-BE49-F238E27FC236}">
                  <a16:creationId xmlns:a16="http://schemas.microsoft.com/office/drawing/2014/main" id="{723EE676-95B0-40B5-BB3B-183555D2F1A1}"/>
                </a:ext>
              </a:extLst>
            </p:cNvPr>
            <p:cNvGrpSpPr/>
            <p:nvPr/>
          </p:nvGrpSpPr>
          <p:grpSpPr>
            <a:xfrm>
              <a:off x="10154386" y="4452483"/>
              <a:ext cx="1443404" cy="1443418"/>
              <a:chOff x="5734037" y="3067039"/>
              <a:chExt cx="724483" cy="724489"/>
            </a:xfrm>
            <a:grpFill/>
          </p:grpSpPr>
          <p:sp>
            <p:nvSpPr>
              <p:cNvPr id="20" name="Freeform: Shape 19">
                <a:extLst>
                  <a:ext uri="{FF2B5EF4-FFF2-40B4-BE49-F238E27FC236}">
                    <a16:creationId xmlns:a16="http://schemas.microsoft.com/office/drawing/2014/main" id="{13EE9E24-328D-4967-A7D6-9AD696D5C918}"/>
                  </a:ext>
                </a:extLst>
              </p:cNvPr>
              <p:cNvSpPr/>
              <p:nvPr/>
            </p:nvSpPr>
            <p:spPr>
              <a:xfrm>
                <a:off x="5734038" y="3067039"/>
                <a:ext cx="14192" cy="14097"/>
              </a:xfrm>
              <a:custGeom>
                <a:avLst/>
                <a:gdLst>
                  <a:gd name="connsiteX0" fmla="*/ 14192 w 14192"/>
                  <a:gd name="connsiteY0" fmla="*/ 7049 h 14097"/>
                  <a:gd name="connsiteX1" fmla="*/ 7144 w 14192"/>
                  <a:gd name="connsiteY1" fmla="*/ 14097 h 14097"/>
                  <a:gd name="connsiteX2" fmla="*/ 0 w 14192"/>
                  <a:gd name="connsiteY2" fmla="*/ 7049 h 14097"/>
                  <a:gd name="connsiteX3" fmla="*/ 7049 w 14192"/>
                  <a:gd name="connsiteY3" fmla="*/ 0 h 14097"/>
                  <a:gd name="connsiteX4" fmla="*/ 14192 w 14192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7">
                    <a:moveTo>
                      <a:pt x="14192" y="7049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1" name="Freeform: Shape 20">
                <a:extLst>
                  <a:ext uri="{FF2B5EF4-FFF2-40B4-BE49-F238E27FC236}">
                    <a16:creationId xmlns:a16="http://schemas.microsoft.com/office/drawing/2014/main" id="{7F066982-3E06-46AC-8C85-3AA30F5EFDB9}"/>
                  </a:ext>
                </a:extLst>
              </p:cNvPr>
              <p:cNvSpPr/>
              <p:nvPr/>
            </p:nvSpPr>
            <p:spPr>
              <a:xfrm>
                <a:off x="5793283" y="3067039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2" name="Freeform: Shape 21">
                <a:extLst>
                  <a:ext uri="{FF2B5EF4-FFF2-40B4-BE49-F238E27FC236}">
                    <a16:creationId xmlns:a16="http://schemas.microsoft.com/office/drawing/2014/main" id="{E699AAE6-74C2-4138-8B31-465764562509}"/>
                  </a:ext>
                </a:extLst>
              </p:cNvPr>
              <p:cNvSpPr/>
              <p:nvPr/>
            </p:nvSpPr>
            <p:spPr>
              <a:xfrm>
                <a:off x="5852433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3" name="Freeform: Shape 22">
                <a:extLst>
                  <a:ext uri="{FF2B5EF4-FFF2-40B4-BE49-F238E27FC236}">
                    <a16:creationId xmlns:a16="http://schemas.microsoft.com/office/drawing/2014/main" id="{2FB875D4-122F-435D-8C34-5FA4B0BBE089}"/>
                  </a:ext>
                </a:extLst>
              </p:cNvPr>
              <p:cNvSpPr/>
              <p:nvPr/>
            </p:nvSpPr>
            <p:spPr>
              <a:xfrm>
                <a:off x="5911678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4" name="Freeform: Shape 23">
                <a:extLst>
                  <a:ext uri="{FF2B5EF4-FFF2-40B4-BE49-F238E27FC236}">
                    <a16:creationId xmlns:a16="http://schemas.microsoft.com/office/drawing/2014/main" id="{A1E1023F-42A9-42FC-86FB-4730DD3158D0}"/>
                  </a:ext>
                </a:extLst>
              </p:cNvPr>
              <p:cNvSpPr/>
              <p:nvPr/>
            </p:nvSpPr>
            <p:spPr>
              <a:xfrm>
                <a:off x="5970828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5" name="Freeform: Shape 24">
                <a:extLst>
                  <a:ext uri="{FF2B5EF4-FFF2-40B4-BE49-F238E27FC236}">
                    <a16:creationId xmlns:a16="http://schemas.microsoft.com/office/drawing/2014/main" id="{219FA068-A7DA-424C-81C0-CCA59AFF2910}"/>
                  </a:ext>
                </a:extLst>
              </p:cNvPr>
              <p:cNvSpPr/>
              <p:nvPr/>
            </p:nvSpPr>
            <p:spPr>
              <a:xfrm>
                <a:off x="6030074" y="3067039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6" name="Freeform: Shape 25">
                <a:extLst>
                  <a:ext uri="{FF2B5EF4-FFF2-40B4-BE49-F238E27FC236}">
                    <a16:creationId xmlns:a16="http://schemas.microsoft.com/office/drawing/2014/main" id="{76050C48-FA99-47E4-9729-B386AD54EA47}"/>
                  </a:ext>
                </a:extLst>
              </p:cNvPr>
              <p:cNvSpPr/>
              <p:nvPr/>
            </p:nvSpPr>
            <p:spPr>
              <a:xfrm>
                <a:off x="6089224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7" name="Freeform: Shape 26">
                <a:extLst>
                  <a:ext uri="{FF2B5EF4-FFF2-40B4-BE49-F238E27FC236}">
                    <a16:creationId xmlns:a16="http://schemas.microsoft.com/office/drawing/2014/main" id="{A327ECE9-CE51-4C29-9AFB-D740BC96774A}"/>
                  </a:ext>
                </a:extLst>
              </p:cNvPr>
              <p:cNvSpPr/>
              <p:nvPr/>
            </p:nvSpPr>
            <p:spPr>
              <a:xfrm>
                <a:off x="5734038" y="3126284"/>
                <a:ext cx="14192" cy="14097"/>
              </a:xfrm>
              <a:custGeom>
                <a:avLst/>
                <a:gdLst>
                  <a:gd name="connsiteX0" fmla="*/ 14192 w 14192"/>
                  <a:gd name="connsiteY0" fmla="*/ 7049 h 14097"/>
                  <a:gd name="connsiteX1" fmla="*/ 7144 w 14192"/>
                  <a:gd name="connsiteY1" fmla="*/ 14097 h 14097"/>
                  <a:gd name="connsiteX2" fmla="*/ 0 w 14192"/>
                  <a:gd name="connsiteY2" fmla="*/ 7049 h 14097"/>
                  <a:gd name="connsiteX3" fmla="*/ 7049 w 14192"/>
                  <a:gd name="connsiteY3" fmla="*/ 0 h 14097"/>
                  <a:gd name="connsiteX4" fmla="*/ 14192 w 14192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7">
                    <a:moveTo>
                      <a:pt x="14192" y="7049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8" name="Freeform: Shape 27">
                <a:extLst>
                  <a:ext uri="{FF2B5EF4-FFF2-40B4-BE49-F238E27FC236}">
                    <a16:creationId xmlns:a16="http://schemas.microsoft.com/office/drawing/2014/main" id="{3314F941-FE16-4684-AD11-40031407E28F}"/>
                  </a:ext>
                </a:extLst>
              </p:cNvPr>
              <p:cNvSpPr/>
              <p:nvPr/>
            </p:nvSpPr>
            <p:spPr>
              <a:xfrm>
                <a:off x="5793283" y="3126282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29" name="Freeform: Shape 28">
                <a:extLst>
                  <a:ext uri="{FF2B5EF4-FFF2-40B4-BE49-F238E27FC236}">
                    <a16:creationId xmlns:a16="http://schemas.microsoft.com/office/drawing/2014/main" id="{A12ED5B2-85E7-4C0F-911D-84166633F6CF}"/>
                  </a:ext>
                </a:extLst>
              </p:cNvPr>
              <p:cNvSpPr/>
              <p:nvPr/>
            </p:nvSpPr>
            <p:spPr>
              <a:xfrm>
                <a:off x="5852433" y="312628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0" name="Freeform: Shape 29">
                <a:extLst>
                  <a:ext uri="{FF2B5EF4-FFF2-40B4-BE49-F238E27FC236}">
                    <a16:creationId xmlns:a16="http://schemas.microsoft.com/office/drawing/2014/main" id="{E16B5A61-8CFF-4FDF-9B21-09C8297A4DAB}"/>
                  </a:ext>
                </a:extLst>
              </p:cNvPr>
              <p:cNvSpPr/>
              <p:nvPr/>
            </p:nvSpPr>
            <p:spPr>
              <a:xfrm>
                <a:off x="5911678" y="312628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1" name="Freeform: Shape 30">
                <a:extLst>
                  <a:ext uri="{FF2B5EF4-FFF2-40B4-BE49-F238E27FC236}">
                    <a16:creationId xmlns:a16="http://schemas.microsoft.com/office/drawing/2014/main" id="{CE0A8595-93E1-4499-86A8-9B43B07C11D1}"/>
                  </a:ext>
                </a:extLst>
              </p:cNvPr>
              <p:cNvSpPr/>
              <p:nvPr/>
            </p:nvSpPr>
            <p:spPr>
              <a:xfrm>
                <a:off x="5970828" y="312628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2" name="Freeform: Shape 31">
                <a:extLst>
                  <a:ext uri="{FF2B5EF4-FFF2-40B4-BE49-F238E27FC236}">
                    <a16:creationId xmlns:a16="http://schemas.microsoft.com/office/drawing/2014/main" id="{2C380735-19C3-47FA-978D-3E9904679374}"/>
                  </a:ext>
                </a:extLst>
              </p:cNvPr>
              <p:cNvSpPr/>
              <p:nvPr/>
            </p:nvSpPr>
            <p:spPr>
              <a:xfrm>
                <a:off x="6030073" y="3126284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8 w 14097"/>
                  <a:gd name="connsiteY1" fmla="*/ 14097 h 14097"/>
                  <a:gd name="connsiteX2" fmla="*/ 0 w 14097"/>
                  <a:gd name="connsiteY2" fmla="*/ 7049 h 14097"/>
                  <a:gd name="connsiteX3" fmla="*/ 7048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3" name="Freeform: Shape 32">
                <a:extLst>
                  <a:ext uri="{FF2B5EF4-FFF2-40B4-BE49-F238E27FC236}">
                    <a16:creationId xmlns:a16="http://schemas.microsoft.com/office/drawing/2014/main" id="{CA6B2F2B-1750-4093-AD58-D2AA9CF8266F}"/>
                  </a:ext>
                </a:extLst>
              </p:cNvPr>
              <p:cNvSpPr/>
              <p:nvPr/>
            </p:nvSpPr>
            <p:spPr>
              <a:xfrm>
                <a:off x="6089224" y="312628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4" name="Freeform: Shape 33">
                <a:extLst>
                  <a:ext uri="{FF2B5EF4-FFF2-40B4-BE49-F238E27FC236}">
                    <a16:creationId xmlns:a16="http://schemas.microsoft.com/office/drawing/2014/main" id="{AB32A52B-3F30-43A0-88FD-9AB3DD78B034}"/>
                  </a:ext>
                </a:extLst>
              </p:cNvPr>
              <p:cNvSpPr/>
              <p:nvPr/>
            </p:nvSpPr>
            <p:spPr>
              <a:xfrm>
                <a:off x="5734038" y="3185434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5" name="Freeform: Shape 34">
                <a:extLst>
                  <a:ext uri="{FF2B5EF4-FFF2-40B4-BE49-F238E27FC236}">
                    <a16:creationId xmlns:a16="http://schemas.microsoft.com/office/drawing/2014/main" id="{C94B2563-F4BE-4780-ABE8-8359DBB2371F}"/>
                  </a:ext>
                </a:extLst>
              </p:cNvPr>
              <p:cNvSpPr/>
              <p:nvPr/>
            </p:nvSpPr>
            <p:spPr>
              <a:xfrm>
                <a:off x="5793283" y="3185434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6" name="Freeform: Shape 35">
                <a:extLst>
                  <a:ext uri="{FF2B5EF4-FFF2-40B4-BE49-F238E27FC236}">
                    <a16:creationId xmlns:a16="http://schemas.microsoft.com/office/drawing/2014/main" id="{372DFDDB-1231-49CA-84CA-E4BE438A3182}"/>
                  </a:ext>
                </a:extLst>
              </p:cNvPr>
              <p:cNvSpPr/>
              <p:nvPr/>
            </p:nvSpPr>
            <p:spPr>
              <a:xfrm>
                <a:off x="5852433" y="318543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7" name="Freeform: Shape 36">
                <a:extLst>
                  <a:ext uri="{FF2B5EF4-FFF2-40B4-BE49-F238E27FC236}">
                    <a16:creationId xmlns:a16="http://schemas.microsoft.com/office/drawing/2014/main" id="{930DEA24-357A-4CE2-A894-9CC59149E6BB}"/>
                  </a:ext>
                </a:extLst>
              </p:cNvPr>
              <p:cNvSpPr/>
              <p:nvPr/>
            </p:nvSpPr>
            <p:spPr>
              <a:xfrm>
                <a:off x="5911678" y="318543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8" name="Freeform: Shape 37">
                <a:extLst>
                  <a:ext uri="{FF2B5EF4-FFF2-40B4-BE49-F238E27FC236}">
                    <a16:creationId xmlns:a16="http://schemas.microsoft.com/office/drawing/2014/main" id="{5334C62D-A806-464B-86FF-63BA4B4B7DB0}"/>
                  </a:ext>
                </a:extLst>
              </p:cNvPr>
              <p:cNvSpPr/>
              <p:nvPr/>
            </p:nvSpPr>
            <p:spPr>
              <a:xfrm>
                <a:off x="5970828" y="318543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39" name="Freeform: Shape 38">
                <a:extLst>
                  <a:ext uri="{FF2B5EF4-FFF2-40B4-BE49-F238E27FC236}">
                    <a16:creationId xmlns:a16="http://schemas.microsoft.com/office/drawing/2014/main" id="{DC0AE61D-5513-4496-AF95-4F1FA2D368B3}"/>
                  </a:ext>
                </a:extLst>
              </p:cNvPr>
              <p:cNvSpPr/>
              <p:nvPr/>
            </p:nvSpPr>
            <p:spPr>
              <a:xfrm>
                <a:off x="6030074" y="3185434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40" name="Freeform: Shape 39">
                <a:extLst>
                  <a:ext uri="{FF2B5EF4-FFF2-40B4-BE49-F238E27FC236}">
                    <a16:creationId xmlns:a16="http://schemas.microsoft.com/office/drawing/2014/main" id="{7D604D00-5107-4CA5-8461-DBF2520C1636}"/>
                  </a:ext>
                </a:extLst>
              </p:cNvPr>
              <p:cNvSpPr/>
              <p:nvPr/>
            </p:nvSpPr>
            <p:spPr>
              <a:xfrm>
                <a:off x="6089224" y="318543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41" name="Freeform: Shape 40">
                <a:extLst>
                  <a:ext uri="{FF2B5EF4-FFF2-40B4-BE49-F238E27FC236}">
                    <a16:creationId xmlns:a16="http://schemas.microsoft.com/office/drawing/2014/main" id="{ABF1B949-6E40-46C3-BCE9-DA2A24C5D2AF}"/>
                  </a:ext>
                </a:extLst>
              </p:cNvPr>
              <p:cNvSpPr/>
              <p:nvPr/>
            </p:nvSpPr>
            <p:spPr>
              <a:xfrm>
                <a:off x="5734038" y="3244679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42" name="Freeform: Shape 41">
                <a:extLst>
                  <a:ext uri="{FF2B5EF4-FFF2-40B4-BE49-F238E27FC236}">
                    <a16:creationId xmlns:a16="http://schemas.microsoft.com/office/drawing/2014/main" id="{9C0D9DE4-3D59-4B4F-8054-99080988D424}"/>
                  </a:ext>
                </a:extLst>
              </p:cNvPr>
              <p:cNvSpPr/>
              <p:nvPr/>
            </p:nvSpPr>
            <p:spPr>
              <a:xfrm>
                <a:off x="5793283" y="3244677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43" name="Freeform: Shape 42">
                <a:extLst>
                  <a:ext uri="{FF2B5EF4-FFF2-40B4-BE49-F238E27FC236}">
                    <a16:creationId xmlns:a16="http://schemas.microsoft.com/office/drawing/2014/main" id="{DF2EC95B-927F-4B94-B878-CD68D0DC4E24}"/>
                  </a:ext>
                </a:extLst>
              </p:cNvPr>
              <p:cNvSpPr/>
              <p:nvPr/>
            </p:nvSpPr>
            <p:spPr>
              <a:xfrm>
                <a:off x="5852433" y="3244677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44" name="Freeform: Shape 43">
                <a:extLst>
                  <a:ext uri="{FF2B5EF4-FFF2-40B4-BE49-F238E27FC236}">
                    <a16:creationId xmlns:a16="http://schemas.microsoft.com/office/drawing/2014/main" id="{7001FEFB-AE24-4CF7-8EEF-084BCD466D81}"/>
                  </a:ext>
                </a:extLst>
              </p:cNvPr>
              <p:cNvSpPr/>
              <p:nvPr/>
            </p:nvSpPr>
            <p:spPr>
              <a:xfrm>
                <a:off x="5911678" y="3244677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45" name="Freeform: Shape 44">
                <a:extLst>
                  <a:ext uri="{FF2B5EF4-FFF2-40B4-BE49-F238E27FC236}">
                    <a16:creationId xmlns:a16="http://schemas.microsoft.com/office/drawing/2014/main" id="{459BD4F3-A5E1-4F7D-A7AB-EF6BED5BE889}"/>
                  </a:ext>
                </a:extLst>
              </p:cNvPr>
              <p:cNvSpPr/>
              <p:nvPr/>
            </p:nvSpPr>
            <p:spPr>
              <a:xfrm>
                <a:off x="5970828" y="3244677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46" name="Freeform: Shape 45">
                <a:extLst>
                  <a:ext uri="{FF2B5EF4-FFF2-40B4-BE49-F238E27FC236}">
                    <a16:creationId xmlns:a16="http://schemas.microsoft.com/office/drawing/2014/main" id="{F1687F6E-4940-4782-A3A7-5C9C1552BF4B}"/>
                  </a:ext>
                </a:extLst>
              </p:cNvPr>
              <p:cNvSpPr/>
              <p:nvPr/>
            </p:nvSpPr>
            <p:spPr>
              <a:xfrm>
                <a:off x="6030073" y="3244679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47" name="Freeform: Shape 46">
                <a:extLst>
                  <a:ext uri="{FF2B5EF4-FFF2-40B4-BE49-F238E27FC236}">
                    <a16:creationId xmlns:a16="http://schemas.microsoft.com/office/drawing/2014/main" id="{BEC7FFDC-A904-44D2-8F0B-91A5C76CC514}"/>
                  </a:ext>
                </a:extLst>
              </p:cNvPr>
              <p:cNvSpPr/>
              <p:nvPr/>
            </p:nvSpPr>
            <p:spPr>
              <a:xfrm>
                <a:off x="6089224" y="3244677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48" name="Freeform: Shape 47">
                <a:extLst>
                  <a:ext uri="{FF2B5EF4-FFF2-40B4-BE49-F238E27FC236}">
                    <a16:creationId xmlns:a16="http://schemas.microsoft.com/office/drawing/2014/main" id="{EA15C8BC-5975-40E1-A988-EB34FBCF078A}"/>
                  </a:ext>
                </a:extLst>
              </p:cNvPr>
              <p:cNvSpPr/>
              <p:nvPr/>
            </p:nvSpPr>
            <p:spPr>
              <a:xfrm>
                <a:off x="5734038" y="3303829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49" name="Freeform: Shape 48">
                <a:extLst>
                  <a:ext uri="{FF2B5EF4-FFF2-40B4-BE49-F238E27FC236}">
                    <a16:creationId xmlns:a16="http://schemas.microsoft.com/office/drawing/2014/main" id="{371BAC0D-2BF9-4781-A7BB-06AA16D0E6C2}"/>
                  </a:ext>
                </a:extLst>
              </p:cNvPr>
              <p:cNvSpPr/>
              <p:nvPr/>
            </p:nvSpPr>
            <p:spPr>
              <a:xfrm>
                <a:off x="5793283" y="3303829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50" name="Freeform: Shape 49">
                <a:extLst>
                  <a:ext uri="{FF2B5EF4-FFF2-40B4-BE49-F238E27FC236}">
                    <a16:creationId xmlns:a16="http://schemas.microsoft.com/office/drawing/2014/main" id="{8FD04182-650D-498F-A066-FE4C0FA6DA1E}"/>
                  </a:ext>
                </a:extLst>
              </p:cNvPr>
              <p:cNvSpPr/>
              <p:nvPr/>
            </p:nvSpPr>
            <p:spPr>
              <a:xfrm>
                <a:off x="5852433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51" name="Freeform: Shape 50">
                <a:extLst>
                  <a:ext uri="{FF2B5EF4-FFF2-40B4-BE49-F238E27FC236}">
                    <a16:creationId xmlns:a16="http://schemas.microsoft.com/office/drawing/2014/main" id="{6E839DFF-01B4-4B5E-9910-024EC8FE1DA7}"/>
                  </a:ext>
                </a:extLst>
              </p:cNvPr>
              <p:cNvSpPr/>
              <p:nvPr/>
            </p:nvSpPr>
            <p:spPr>
              <a:xfrm>
                <a:off x="5911678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52" name="Freeform: Shape 51">
                <a:extLst>
                  <a:ext uri="{FF2B5EF4-FFF2-40B4-BE49-F238E27FC236}">
                    <a16:creationId xmlns:a16="http://schemas.microsoft.com/office/drawing/2014/main" id="{0C100C3D-5A4C-4D50-AAEC-07A4457548DE}"/>
                  </a:ext>
                </a:extLst>
              </p:cNvPr>
              <p:cNvSpPr/>
              <p:nvPr/>
            </p:nvSpPr>
            <p:spPr>
              <a:xfrm>
                <a:off x="5970828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53" name="Freeform: Shape 52">
                <a:extLst>
                  <a:ext uri="{FF2B5EF4-FFF2-40B4-BE49-F238E27FC236}">
                    <a16:creationId xmlns:a16="http://schemas.microsoft.com/office/drawing/2014/main" id="{C8647050-08AF-4BD8-87C4-CA230312901B}"/>
                  </a:ext>
                </a:extLst>
              </p:cNvPr>
              <p:cNvSpPr/>
              <p:nvPr/>
            </p:nvSpPr>
            <p:spPr>
              <a:xfrm>
                <a:off x="6030073" y="3303829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54" name="Freeform: Shape 53">
                <a:extLst>
                  <a:ext uri="{FF2B5EF4-FFF2-40B4-BE49-F238E27FC236}">
                    <a16:creationId xmlns:a16="http://schemas.microsoft.com/office/drawing/2014/main" id="{9A0F33E0-AADA-44E2-A5AC-31DF5EE3D381}"/>
                  </a:ext>
                </a:extLst>
              </p:cNvPr>
              <p:cNvSpPr/>
              <p:nvPr/>
            </p:nvSpPr>
            <p:spPr>
              <a:xfrm>
                <a:off x="6089224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55" name="Freeform: Shape 54">
                <a:extLst>
                  <a:ext uri="{FF2B5EF4-FFF2-40B4-BE49-F238E27FC236}">
                    <a16:creationId xmlns:a16="http://schemas.microsoft.com/office/drawing/2014/main" id="{32C8FA1D-A02A-4388-9886-69EBC58C077E}"/>
                  </a:ext>
                </a:extLst>
              </p:cNvPr>
              <p:cNvSpPr/>
              <p:nvPr/>
            </p:nvSpPr>
            <p:spPr>
              <a:xfrm>
                <a:off x="5734038" y="3363074"/>
                <a:ext cx="14192" cy="14097"/>
              </a:xfrm>
              <a:custGeom>
                <a:avLst/>
                <a:gdLst>
                  <a:gd name="connsiteX0" fmla="*/ 14192 w 14192"/>
                  <a:gd name="connsiteY0" fmla="*/ 7048 h 14097"/>
                  <a:gd name="connsiteX1" fmla="*/ 7144 w 14192"/>
                  <a:gd name="connsiteY1" fmla="*/ 14097 h 14097"/>
                  <a:gd name="connsiteX2" fmla="*/ 0 w 14192"/>
                  <a:gd name="connsiteY2" fmla="*/ 7048 h 14097"/>
                  <a:gd name="connsiteX3" fmla="*/ 7049 w 14192"/>
                  <a:gd name="connsiteY3" fmla="*/ 0 h 14097"/>
                  <a:gd name="connsiteX4" fmla="*/ 14192 w 14192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7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56" name="Freeform: Shape 55">
                <a:extLst>
                  <a:ext uri="{FF2B5EF4-FFF2-40B4-BE49-F238E27FC236}">
                    <a16:creationId xmlns:a16="http://schemas.microsoft.com/office/drawing/2014/main" id="{99421FD3-355A-4629-BFAD-527ECD82EE07}"/>
                  </a:ext>
                </a:extLst>
              </p:cNvPr>
              <p:cNvSpPr/>
              <p:nvPr/>
            </p:nvSpPr>
            <p:spPr>
              <a:xfrm>
                <a:off x="5793283" y="3363072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57" name="Freeform: Shape 56">
                <a:extLst>
                  <a:ext uri="{FF2B5EF4-FFF2-40B4-BE49-F238E27FC236}">
                    <a16:creationId xmlns:a16="http://schemas.microsoft.com/office/drawing/2014/main" id="{2AB71DCF-EB57-4B33-9FF7-11CA0CB96573}"/>
                  </a:ext>
                </a:extLst>
              </p:cNvPr>
              <p:cNvSpPr/>
              <p:nvPr/>
            </p:nvSpPr>
            <p:spPr>
              <a:xfrm>
                <a:off x="5852433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58" name="Freeform: Shape 57">
                <a:extLst>
                  <a:ext uri="{FF2B5EF4-FFF2-40B4-BE49-F238E27FC236}">
                    <a16:creationId xmlns:a16="http://schemas.microsoft.com/office/drawing/2014/main" id="{CE86AA54-A444-4823-A6DC-491E77E34B4A}"/>
                  </a:ext>
                </a:extLst>
              </p:cNvPr>
              <p:cNvSpPr/>
              <p:nvPr/>
            </p:nvSpPr>
            <p:spPr>
              <a:xfrm>
                <a:off x="5911678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59" name="Freeform: Shape 58">
                <a:extLst>
                  <a:ext uri="{FF2B5EF4-FFF2-40B4-BE49-F238E27FC236}">
                    <a16:creationId xmlns:a16="http://schemas.microsoft.com/office/drawing/2014/main" id="{750E2DF6-23A6-4192-BD64-7997AABE595B}"/>
                  </a:ext>
                </a:extLst>
              </p:cNvPr>
              <p:cNvSpPr/>
              <p:nvPr/>
            </p:nvSpPr>
            <p:spPr>
              <a:xfrm>
                <a:off x="5970828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60" name="Freeform: Shape 59">
                <a:extLst>
                  <a:ext uri="{FF2B5EF4-FFF2-40B4-BE49-F238E27FC236}">
                    <a16:creationId xmlns:a16="http://schemas.microsoft.com/office/drawing/2014/main" id="{DC3D9758-1EA4-43A6-8375-DDED592A9AB6}"/>
                  </a:ext>
                </a:extLst>
              </p:cNvPr>
              <p:cNvSpPr/>
              <p:nvPr/>
            </p:nvSpPr>
            <p:spPr>
              <a:xfrm>
                <a:off x="6030073" y="3363074"/>
                <a:ext cx="14097" cy="14097"/>
              </a:xfrm>
              <a:custGeom>
                <a:avLst/>
                <a:gdLst>
                  <a:gd name="connsiteX0" fmla="*/ 14097 w 14097"/>
                  <a:gd name="connsiteY0" fmla="*/ 7048 h 14097"/>
                  <a:gd name="connsiteX1" fmla="*/ 7048 w 14097"/>
                  <a:gd name="connsiteY1" fmla="*/ 14097 h 14097"/>
                  <a:gd name="connsiteX2" fmla="*/ 0 w 14097"/>
                  <a:gd name="connsiteY2" fmla="*/ 7048 h 14097"/>
                  <a:gd name="connsiteX3" fmla="*/ 7048 w 14097"/>
                  <a:gd name="connsiteY3" fmla="*/ 0 h 14097"/>
                  <a:gd name="connsiteX4" fmla="*/ 14097 w 14097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61" name="Freeform: Shape 60">
                <a:extLst>
                  <a:ext uri="{FF2B5EF4-FFF2-40B4-BE49-F238E27FC236}">
                    <a16:creationId xmlns:a16="http://schemas.microsoft.com/office/drawing/2014/main" id="{1DFC1416-C64A-4C0B-8898-ABAABA0FCBC2}"/>
                  </a:ext>
                </a:extLst>
              </p:cNvPr>
              <p:cNvSpPr/>
              <p:nvPr/>
            </p:nvSpPr>
            <p:spPr>
              <a:xfrm>
                <a:off x="6089224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62" name="Freeform: Shape 61">
                <a:extLst>
                  <a:ext uri="{FF2B5EF4-FFF2-40B4-BE49-F238E27FC236}">
                    <a16:creationId xmlns:a16="http://schemas.microsoft.com/office/drawing/2014/main" id="{D2A221D1-7EAA-4907-A58E-8E81E7BA4748}"/>
                  </a:ext>
                </a:extLst>
              </p:cNvPr>
              <p:cNvSpPr/>
              <p:nvPr/>
            </p:nvSpPr>
            <p:spPr>
              <a:xfrm>
                <a:off x="5734038" y="3422225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63" name="Freeform: Shape 62">
                <a:extLst>
                  <a:ext uri="{FF2B5EF4-FFF2-40B4-BE49-F238E27FC236}">
                    <a16:creationId xmlns:a16="http://schemas.microsoft.com/office/drawing/2014/main" id="{AAC899B4-B060-44A9-9E5E-60A775CE2D41}"/>
                  </a:ext>
                </a:extLst>
              </p:cNvPr>
              <p:cNvSpPr/>
              <p:nvPr/>
            </p:nvSpPr>
            <p:spPr>
              <a:xfrm>
                <a:off x="5793283" y="3422225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64" name="Freeform: Shape 63">
                <a:extLst>
                  <a:ext uri="{FF2B5EF4-FFF2-40B4-BE49-F238E27FC236}">
                    <a16:creationId xmlns:a16="http://schemas.microsoft.com/office/drawing/2014/main" id="{F68A0E9C-6E97-4889-8C4E-1771D6465B4D}"/>
                  </a:ext>
                </a:extLst>
              </p:cNvPr>
              <p:cNvSpPr/>
              <p:nvPr/>
            </p:nvSpPr>
            <p:spPr>
              <a:xfrm>
                <a:off x="5852433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65" name="Freeform: Shape 64">
                <a:extLst>
                  <a:ext uri="{FF2B5EF4-FFF2-40B4-BE49-F238E27FC236}">
                    <a16:creationId xmlns:a16="http://schemas.microsoft.com/office/drawing/2014/main" id="{D705A29F-351D-4D7D-AB5F-B6A24011D559}"/>
                  </a:ext>
                </a:extLst>
              </p:cNvPr>
              <p:cNvSpPr/>
              <p:nvPr/>
            </p:nvSpPr>
            <p:spPr>
              <a:xfrm>
                <a:off x="5911678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66" name="Freeform: Shape 65">
                <a:extLst>
                  <a:ext uri="{FF2B5EF4-FFF2-40B4-BE49-F238E27FC236}">
                    <a16:creationId xmlns:a16="http://schemas.microsoft.com/office/drawing/2014/main" id="{EC0BB292-2828-40AB-A869-CF6D114F0630}"/>
                  </a:ext>
                </a:extLst>
              </p:cNvPr>
              <p:cNvSpPr/>
              <p:nvPr/>
            </p:nvSpPr>
            <p:spPr>
              <a:xfrm>
                <a:off x="5970828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67" name="Freeform: Shape 66">
                <a:extLst>
                  <a:ext uri="{FF2B5EF4-FFF2-40B4-BE49-F238E27FC236}">
                    <a16:creationId xmlns:a16="http://schemas.microsoft.com/office/drawing/2014/main" id="{78EEFC2A-B463-4C2F-8D33-BA746EEC561E}"/>
                  </a:ext>
                </a:extLst>
              </p:cNvPr>
              <p:cNvSpPr/>
              <p:nvPr/>
            </p:nvSpPr>
            <p:spPr>
              <a:xfrm>
                <a:off x="6030073" y="3422225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68" name="Freeform: Shape 67">
                <a:extLst>
                  <a:ext uri="{FF2B5EF4-FFF2-40B4-BE49-F238E27FC236}">
                    <a16:creationId xmlns:a16="http://schemas.microsoft.com/office/drawing/2014/main" id="{669784EC-901F-43E1-9785-CA274A2E37AE}"/>
                  </a:ext>
                </a:extLst>
              </p:cNvPr>
              <p:cNvSpPr/>
              <p:nvPr/>
            </p:nvSpPr>
            <p:spPr>
              <a:xfrm>
                <a:off x="6089224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69" name="Freeform: Shape 68">
                <a:extLst>
                  <a:ext uri="{FF2B5EF4-FFF2-40B4-BE49-F238E27FC236}">
                    <a16:creationId xmlns:a16="http://schemas.microsoft.com/office/drawing/2014/main" id="{EA79E5A7-5CA0-40FF-86F1-17C44CDA5EE3}"/>
                  </a:ext>
                </a:extLst>
              </p:cNvPr>
              <p:cNvSpPr/>
              <p:nvPr/>
            </p:nvSpPr>
            <p:spPr>
              <a:xfrm>
                <a:off x="6148469" y="3067039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6953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048" y="0"/>
                      <a:pt x="6953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70" name="Freeform: Shape 69">
                <a:extLst>
                  <a:ext uri="{FF2B5EF4-FFF2-40B4-BE49-F238E27FC236}">
                    <a16:creationId xmlns:a16="http://schemas.microsoft.com/office/drawing/2014/main" id="{CA733E24-831B-4F88-B794-2CBF062D1F34}"/>
                  </a:ext>
                </a:extLst>
              </p:cNvPr>
              <p:cNvSpPr/>
              <p:nvPr/>
            </p:nvSpPr>
            <p:spPr>
              <a:xfrm>
                <a:off x="6207620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71" name="Freeform: Shape 70">
                <a:extLst>
                  <a:ext uri="{FF2B5EF4-FFF2-40B4-BE49-F238E27FC236}">
                    <a16:creationId xmlns:a16="http://schemas.microsoft.com/office/drawing/2014/main" id="{6C529298-268D-4F6A-8278-B794C72F612D}"/>
                  </a:ext>
                </a:extLst>
              </p:cNvPr>
              <p:cNvSpPr/>
              <p:nvPr/>
            </p:nvSpPr>
            <p:spPr>
              <a:xfrm>
                <a:off x="6266865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9 w 14096"/>
                  <a:gd name="connsiteY1" fmla="*/ 14097 h 14097"/>
                  <a:gd name="connsiteX2" fmla="*/ 0 w 14096"/>
                  <a:gd name="connsiteY2" fmla="*/ 7049 h 14097"/>
                  <a:gd name="connsiteX3" fmla="*/ 6953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048" y="0"/>
                      <a:pt x="6953" y="0"/>
                    </a:cubicBezTo>
                    <a:cubicBezTo>
                      <a:pt x="10859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72" name="Freeform: Shape 71">
                <a:extLst>
                  <a:ext uri="{FF2B5EF4-FFF2-40B4-BE49-F238E27FC236}">
                    <a16:creationId xmlns:a16="http://schemas.microsoft.com/office/drawing/2014/main" id="{9025A9CB-F748-49F6-BD88-DACA23F6D574}"/>
                  </a:ext>
                </a:extLst>
              </p:cNvPr>
              <p:cNvSpPr/>
              <p:nvPr/>
            </p:nvSpPr>
            <p:spPr>
              <a:xfrm>
                <a:off x="6326014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73" name="Freeform: Shape 72">
                <a:extLst>
                  <a:ext uri="{FF2B5EF4-FFF2-40B4-BE49-F238E27FC236}">
                    <a16:creationId xmlns:a16="http://schemas.microsoft.com/office/drawing/2014/main" id="{54D26918-0834-40FF-888A-16AB573AB42D}"/>
                  </a:ext>
                </a:extLst>
              </p:cNvPr>
              <p:cNvSpPr/>
              <p:nvPr/>
            </p:nvSpPr>
            <p:spPr>
              <a:xfrm>
                <a:off x="6385260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6953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048" y="0"/>
                      <a:pt x="6953" y="0"/>
                    </a:cubicBezTo>
                    <a:cubicBezTo>
                      <a:pt x="10858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74" name="Freeform: Shape 73">
                <a:extLst>
                  <a:ext uri="{FF2B5EF4-FFF2-40B4-BE49-F238E27FC236}">
                    <a16:creationId xmlns:a16="http://schemas.microsoft.com/office/drawing/2014/main" id="{3BA0D0AD-9F3E-4A88-AD9A-027E61780550}"/>
                  </a:ext>
                </a:extLst>
              </p:cNvPr>
              <p:cNvSpPr/>
              <p:nvPr/>
            </p:nvSpPr>
            <p:spPr>
              <a:xfrm>
                <a:off x="6444410" y="3067039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8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8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75" name="Freeform: Shape 74">
                <a:extLst>
                  <a:ext uri="{FF2B5EF4-FFF2-40B4-BE49-F238E27FC236}">
                    <a16:creationId xmlns:a16="http://schemas.microsoft.com/office/drawing/2014/main" id="{C89DCC43-513D-49FC-AF25-83BBD29B7661}"/>
                  </a:ext>
                </a:extLst>
              </p:cNvPr>
              <p:cNvSpPr/>
              <p:nvPr/>
            </p:nvSpPr>
            <p:spPr>
              <a:xfrm>
                <a:off x="6148469" y="3126281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76" name="Freeform: Shape 75">
                <a:extLst>
                  <a:ext uri="{FF2B5EF4-FFF2-40B4-BE49-F238E27FC236}">
                    <a16:creationId xmlns:a16="http://schemas.microsoft.com/office/drawing/2014/main" id="{AFEAF63A-AFBF-4F67-88D7-ADA3D9E00FC4}"/>
                  </a:ext>
                </a:extLst>
              </p:cNvPr>
              <p:cNvSpPr/>
              <p:nvPr/>
            </p:nvSpPr>
            <p:spPr>
              <a:xfrm>
                <a:off x="6207620" y="3126281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77" name="Freeform: Shape 76">
                <a:extLst>
                  <a:ext uri="{FF2B5EF4-FFF2-40B4-BE49-F238E27FC236}">
                    <a16:creationId xmlns:a16="http://schemas.microsoft.com/office/drawing/2014/main" id="{448DE51B-423E-482E-903E-5139E42BDD4C}"/>
                  </a:ext>
                </a:extLst>
              </p:cNvPr>
              <p:cNvSpPr/>
              <p:nvPr/>
            </p:nvSpPr>
            <p:spPr>
              <a:xfrm>
                <a:off x="6266865" y="3126281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9 w 14096"/>
                  <a:gd name="connsiteY1" fmla="*/ 14099 h 14099"/>
                  <a:gd name="connsiteX2" fmla="*/ 0 w 14096"/>
                  <a:gd name="connsiteY2" fmla="*/ 7051 h 14099"/>
                  <a:gd name="connsiteX3" fmla="*/ 7049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859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78" name="Freeform: Shape 77">
                <a:extLst>
                  <a:ext uri="{FF2B5EF4-FFF2-40B4-BE49-F238E27FC236}">
                    <a16:creationId xmlns:a16="http://schemas.microsoft.com/office/drawing/2014/main" id="{5449ADB8-318D-4965-814B-D6A13F780F1D}"/>
                  </a:ext>
                </a:extLst>
              </p:cNvPr>
              <p:cNvSpPr/>
              <p:nvPr/>
            </p:nvSpPr>
            <p:spPr>
              <a:xfrm>
                <a:off x="6326014" y="3126281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79" name="Freeform: Shape 78">
                <a:extLst>
                  <a:ext uri="{FF2B5EF4-FFF2-40B4-BE49-F238E27FC236}">
                    <a16:creationId xmlns:a16="http://schemas.microsoft.com/office/drawing/2014/main" id="{FD514D12-AA49-408C-BEE1-BBCF4C036159}"/>
                  </a:ext>
                </a:extLst>
              </p:cNvPr>
              <p:cNvSpPr/>
              <p:nvPr/>
            </p:nvSpPr>
            <p:spPr>
              <a:xfrm>
                <a:off x="6385260" y="3126281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858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80" name="Freeform: Shape 79">
                <a:extLst>
                  <a:ext uri="{FF2B5EF4-FFF2-40B4-BE49-F238E27FC236}">
                    <a16:creationId xmlns:a16="http://schemas.microsoft.com/office/drawing/2014/main" id="{05A785BE-E570-4DB4-8F7F-0AC9077116D8}"/>
                  </a:ext>
                </a:extLst>
              </p:cNvPr>
              <p:cNvSpPr/>
              <p:nvPr/>
            </p:nvSpPr>
            <p:spPr>
              <a:xfrm>
                <a:off x="6444410" y="3126283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81" name="Freeform: Shape 80">
                <a:extLst>
                  <a:ext uri="{FF2B5EF4-FFF2-40B4-BE49-F238E27FC236}">
                    <a16:creationId xmlns:a16="http://schemas.microsoft.com/office/drawing/2014/main" id="{97E79511-3F2F-4B2E-8830-7B7F555DA83E}"/>
                  </a:ext>
                </a:extLst>
              </p:cNvPr>
              <p:cNvSpPr/>
              <p:nvPr/>
            </p:nvSpPr>
            <p:spPr>
              <a:xfrm>
                <a:off x="6148469" y="3185433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82" name="Freeform: Shape 81">
                <a:extLst>
                  <a:ext uri="{FF2B5EF4-FFF2-40B4-BE49-F238E27FC236}">
                    <a16:creationId xmlns:a16="http://schemas.microsoft.com/office/drawing/2014/main" id="{DB7310B7-0080-4264-91E4-C548107F6D72}"/>
                  </a:ext>
                </a:extLst>
              </p:cNvPr>
              <p:cNvSpPr/>
              <p:nvPr/>
            </p:nvSpPr>
            <p:spPr>
              <a:xfrm>
                <a:off x="6207620" y="3185433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83" name="Freeform: Shape 82">
                <a:extLst>
                  <a:ext uri="{FF2B5EF4-FFF2-40B4-BE49-F238E27FC236}">
                    <a16:creationId xmlns:a16="http://schemas.microsoft.com/office/drawing/2014/main" id="{45FF82DB-4737-404E-9ACA-B19B6A089EA8}"/>
                  </a:ext>
                </a:extLst>
              </p:cNvPr>
              <p:cNvSpPr/>
              <p:nvPr/>
            </p:nvSpPr>
            <p:spPr>
              <a:xfrm>
                <a:off x="6266865" y="3185433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84" name="Freeform: Shape 83">
                <a:extLst>
                  <a:ext uri="{FF2B5EF4-FFF2-40B4-BE49-F238E27FC236}">
                    <a16:creationId xmlns:a16="http://schemas.microsoft.com/office/drawing/2014/main" id="{43A6BFE2-F1B0-4924-9302-9DA895CA44C3}"/>
                  </a:ext>
                </a:extLst>
              </p:cNvPr>
              <p:cNvSpPr/>
              <p:nvPr/>
            </p:nvSpPr>
            <p:spPr>
              <a:xfrm>
                <a:off x="6326014" y="3185433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85" name="Freeform: Shape 84">
                <a:extLst>
                  <a:ext uri="{FF2B5EF4-FFF2-40B4-BE49-F238E27FC236}">
                    <a16:creationId xmlns:a16="http://schemas.microsoft.com/office/drawing/2014/main" id="{9CDDEDDC-F6C4-4D85-8B8D-DA09731DAC62}"/>
                  </a:ext>
                </a:extLst>
              </p:cNvPr>
              <p:cNvSpPr/>
              <p:nvPr/>
            </p:nvSpPr>
            <p:spPr>
              <a:xfrm>
                <a:off x="6385260" y="3185433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86" name="Freeform: Shape 85">
                <a:extLst>
                  <a:ext uri="{FF2B5EF4-FFF2-40B4-BE49-F238E27FC236}">
                    <a16:creationId xmlns:a16="http://schemas.microsoft.com/office/drawing/2014/main" id="{DA23F74A-EE1B-414F-A58F-CB49D8A32924}"/>
                  </a:ext>
                </a:extLst>
              </p:cNvPr>
              <p:cNvSpPr/>
              <p:nvPr/>
            </p:nvSpPr>
            <p:spPr>
              <a:xfrm>
                <a:off x="6444410" y="3185432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8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8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87" name="Freeform: Shape 86">
                <a:extLst>
                  <a:ext uri="{FF2B5EF4-FFF2-40B4-BE49-F238E27FC236}">
                    <a16:creationId xmlns:a16="http://schemas.microsoft.com/office/drawing/2014/main" id="{56AFD036-E68B-45F9-9B76-E4B3A4B50800}"/>
                  </a:ext>
                </a:extLst>
              </p:cNvPr>
              <p:cNvSpPr/>
              <p:nvPr/>
            </p:nvSpPr>
            <p:spPr>
              <a:xfrm>
                <a:off x="6148469" y="3244676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88" name="Freeform: Shape 87">
                <a:extLst>
                  <a:ext uri="{FF2B5EF4-FFF2-40B4-BE49-F238E27FC236}">
                    <a16:creationId xmlns:a16="http://schemas.microsoft.com/office/drawing/2014/main" id="{2ACC9D1B-CB8B-4193-B702-DA68B92DE9F9}"/>
                  </a:ext>
                </a:extLst>
              </p:cNvPr>
              <p:cNvSpPr/>
              <p:nvPr/>
            </p:nvSpPr>
            <p:spPr>
              <a:xfrm>
                <a:off x="6207620" y="3244676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89" name="Freeform: Shape 88">
                <a:extLst>
                  <a:ext uri="{FF2B5EF4-FFF2-40B4-BE49-F238E27FC236}">
                    <a16:creationId xmlns:a16="http://schemas.microsoft.com/office/drawing/2014/main" id="{0FBC88AB-930A-4D32-8DB1-82563BFF0EAE}"/>
                  </a:ext>
                </a:extLst>
              </p:cNvPr>
              <p:cNvSpPr/>
              <p:nvPr/>
            </p:nvSpPr>
            <p:spPr>
              <a:xfrm>
                <a:off x="6266865" y="3244676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9 w 14096"/>
                  <a:gd name="connsiteY1" fmla="*/ 14099 h 14099"/>
                  <a:gd name="connsiteX2" fmla="*/ 0 w 14096"/>
                  <a:gd name="connsiteY2" fmla="*/ 7051 h 14099"/>
                  <a:gd name="connsiteX3" fmla="*/ 7049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859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90" name="Freeform: Shape 89">
                <a:extLst>
                  <a:ext uri="{FF2B5EF4-FFF2-40B4-BE49-F238E27FC236}">
                    <a16:creationId xmlns:a16="http://schemas.microsoft.com/office/drawing/2014/main" id="{74274EB1-FC6D-4C4D-965D-DEBA45892216}"/>
                  </a:ext>
                </a:extLst>
              </p:cNvPr>
              <p:cNvSpPr/>
              <p:nvPr/>
            </p:nvSpPr>
            <p:spPr>
              <a:xfrm>
                <a:off x="6326014" y="3244676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91" name="Freeform: Shape 90">
                <a:extLst>
                  <a:ext uri="{FF2B5EF4-FFF2-40B4-BE49-F238E27FC236}">
                    <a16:creationId xmlns:a16="http://schemas.microsoft.com/office/drawing/2014/main" id="{FE4E35D8-7704-40DC-A190-5B4E8BE44974}"/>
                  </a:ext>
                </a:extLst>
              </p:cNvPr>
              <p:cNvSpPr/>
              <p:nvPr/>
            </p:nvSpPr>
            <p:spPr>
              <a:xfrm>
                <a:off x="6385260" y="3244676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858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92" name="Freeform: Shape 91">
                <a:extLst>
                  <a:ext uri="{FF2B5EF4-FFF2-40B4-BE49-F238E27FC236}">
                    <a16:creationId xmlns:a16="http://schemas.microsoft.com/office/drawing/2014/main" id="{EDB1E803-1D4D-4912-BA76-9EF947E19AF0}"/>
                  </a:ext>
                </a:extLst>
              </p:cNvPr>
              <p:cNvSpPr/>
              <p:nvPr/>
            </p:nvSpPr>
            <p:spPr>
              <a:xfrm>
                <a:off x="6444410" y="324467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93" name="Freeform: Shape 92">
                <a:extLst>
                  <a:ext uri="{FF2B5EF4-FFF2-40B4-BE49-F238E27FC236}">
                    <a16:creationId xmlns:a16="http://schemas.microsoft.com/office/drawing/2014/main" id="{7E241842-A248-438B-B3B4-37A05240BCBE}"/>
                  </a:ext>
                </a:extLst>
              </p:cNvPr>
              <p:cNvSpPr/>
              <p:nvPr/>
            </p:nvSpPr>
            <p:spPr>
              <a:xfrm>
                <a:off x="6148469" y="3303829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94" name="Freeform: Shape 93">
                <a:extLst>
                  <a:ext uri="{FF2B5EF4-FFF2-40B4-BE49-F238E27FC236}">
                    <a16:creationId xmlns:a16="http://schemas.microsoft.com/office/drawing/2014/main" id="{C6E092F6-1BFE-4656-9029-9A2EEE8F79FD}"/>
                  </a:ext>
                </a:extLst>
              </p:cNvPr>
              <p:cNvSpPr/>
              <p:nvPr/>
            </p:nvSpPr>
            <p:spPr>
              <a:xfrm>
                <a:off x="6207620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95" name="Freeform: Shape 94">
                <a:extLst>
                  <a:ext uri="{FF2B5EF4-FFF2-40B4-BE49-F238E27FC236}">
                    <a16:creationId xmlns:a16="http://schemas.microsoft.com/office/drawing/2014/main" id="{F4A890A0-353B-4CBB-8FD1-059BE94011AD}"/>
                  </a:ext>
                </a:extLst>
              </p:cNvPr>
              <p:cNvSpPr/>
              <p:nvPr/>
            </p:nvSpPr>
            <p:spPr>
              <a:xfrm>
                <a:off x="6266865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96" name="Freeform: Shape 95">
                <a:extLst>
                  <a:ext uri="{FF2B5EF4-FFF2-40B4-BE49-F238E27FC236}">
                    <a16:creationId xmlns:a16="http://schemas.microsoft.com/office/drawing/2014/main" id="{6EFA174A-A4E5-4264-BD07-007305986AAF}"/>
                  </a:ext>
                </a:extLst>
              </p:cNvPr>
              <p:cNvSpPr/>
              <p:nvPr/>
            </p:nvSpPr>
            <p:spPr>
              <a:xfrm>
                <a:off x="6326014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97" name="Freeform: Shape 96">
                <a:extLst>
                  <a:ext uri="{FF2B5EF4-FFF2-40B4-BE49-F238E27FC236}">
                    <a16:creationId xmlns:a16="http://schemas.microsoft.com/office/drawing/2014/main" id="{3FBAD25F-2FFC-4CEC-9B8A-5ED34707E666}"/>
                  </a:ext>
                </a:extLst>
              </p:cNvPr>
              <p:cNvSpPr/>
              <p:nvPr/>
            </p:nvSpPr>
            <p:spPr>
              <a:xfrm>
                <a:off x="6385260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98" name="Freeform: Shape 97">
                <a:extLst>
                  <a:ext uri="{FF2B5EF4-FFF2-40B4-BE49-F238E27FC236}">
                    <a16:creationId xmlns:a16="http://schemas.microsoft.com/office/drawing/2014/main" id="{342EF4A1-21C1-45D4-B700-6EA4BF21BE00}"/>
                  </a:ext>
                </a:extLst>
              </p:cNvPr>
              <p:cNvSpPr/>
              <p:nvPr/>
            </p:nvSpPr>
            <p:spPr>
              <a:xfrm>
                <a:off x="6444410" y="3303829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99" name="Freeform: Shape 98">
                <a:extLst>
                  <a:ext uri="{FF2B5EF4-FFF2-40B4-BE49-F238E27FC236}">
                    <a16:creationId xmlns:a16="http://schemas.microsoft.com/office/drawing/2014/main" id="{B2CCF840-70EA-4C9C-848E-B27B79A75DB1}"/>
                  </a:ext>
                </a:extLst>
              </p:cNvPr>
              <p:cNvSpPr/>
              <p:nvPr/>
            </p:nvSpPr>
            <p:spPr>
              <a:xfrm>
                <a:off x="6148469" y="3363072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00" name="Freeform: Shape 99">
                <a:extLst>
                  <a:ext uri="{FF2B5EF4-FFF2-40B4-BE49-F238E27FC236}">
                    <a16:creationId xmlns:a16="http://schemas.microsoft.com/office/drawing/2014/main" id="{8E311D1C-5934-4C97-809E-E996B3845BA4}"/>
                  </a:ext>
                </a:extLst>
              </p:cNvPr>
              <p:cNvSpPr/>
              <p:nvPr/>
            </p:nvSpPr>
            <p:spPr>
              <a:xfrm>
                <a:off x="6207620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01" name="Freeform: Shape 100">
                <a:extLst>
                  <a:ext uri="{FF2B5EF4-FFF2-40B4-BE49-F238E27FC236}">
                    <a16:creationId xmlns:a16="http://schemas.microsoft.com/office/drawing/2014/main" id="{B13F883A-929B-46F7-A9A8-547ACE9C0471}"/>
                  </a:ext>
                </a:extLst>
              </p:cNvPr>
              <p:cNvSpPr/>
              <p:nvPr/>
            </p:nvSpPr>
            <p:spPr>
              <a:xfrm>
                <a:off x="6266865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9 w 14096"/>
                  <a:gd name="connsiteY1" fmla="*/ 14099 h 14099"/>
                  <a:gd name="connsiteX2" fmla="*/ 0 w 14096"/>
                  <a:gd name="connsiteY2" fmla="*/ 7051 h 14099"/>
                  <a:gd name="connsiteX3" fmla="*/ 7049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859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02" name="Freeform: Shape 101">
                <a:extLst>
                  <a:ext uri="{FF2B5EF4-FFF2-40B4-BE49-F238E27FC236}">
                    <a16:creationId xmlns:a16="http://schemas.microsoft.com/office/drawing/2014/main" id="{16D72D9D-260C-42C4-B864-6AFFB236A12B}"/>
                  </a:ext>
                </a:extLst>
              </p:cNvPr>
              <p:cNvSpPr/>
              <p:nvPr/>
            </p:nvSpPr>
            <p:spPr>
              <a:xfrm>
                <a:off x="6326014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03" name="Freeform: Shape 102">
                <a:extLst>
                  <a:ext uri="{FF2B5EF4-FFF2-40B4-BE49-F238E27FC236}">
                    <a16:creationId xmlns:a16="http://schemas.microsoft.com/office/drawing/2014/main" id="{57F62680-33C3-4510-A3B0-40F179FCEF84}"/>
                  </a:ext>
                </a:extLst>
              </p:cNvPr>
              <p:cNvSpPr/>
              <p:nvPr/>
            </p:nvSpPr>
            <p:spPr>
              <a:xfrm>
                <a:off x="6385260" y="3363072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858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04" name="Freeform: Shape 103">
                <a:extLst>
                  <a:ext uri="{FF2B5EF4-FFF2-40B4-BE49-F238E27FC236}">
                    <a16:creationId xmlns:a16="http://schemas.microsoft.com/office/drawing/2014/main" id="{8C3F6DBC-3B3A-429F-A49A-485EF9960069}"/>
                  </a:ext>
                </a:extLst>
              </p:cNvPr>
              <p:cNvSpPr/>
              <p:nvPr/>
            </p:nvSpPr>
            <p:spPr>
              <a:xfrm>
                <a:off x="6444410" y="3363074"/>
                <a:ext cx="14096" cy="14097"/>
              </a:xfrm>
              <a:custGeom>
                <a:avLst/>
                <a:gdLst>
                  <a:gd name="connsiteX0" fmla="*/ 14097 w 14096"/>
                  <a:gd name="connsiteY0" fmla="*/ 7048 h 14097"/>
                  <a:gd name="connsiteX1" fmla="*/ 7048 w 14096"/>
                  <a:gd name="connsiteY1" fmla="*/ 14097 h 14097"/>
                  <a:gd name="connsiteX2" fmla="*/ 0 w 14096"/>
                  <a:gd name="connsiteY2" fmla="*/ 7048 h 14097"/>
                  <a:gd name="connsiteX3" fmla="*/ 7048 w 14096"/>
                  <a:gd name="connsiteY3" fmla="*/ 0 h 14097"/>
                  <a:gd name="connsiteX4" fmla="*/ 14097 w 14096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05" name="Freeform: Shape 104">
                <a:extLst>
                  <a:ext uri="{FF2B5EF4-FFF2-40B4-BE49-F238E27FC236}">
                    <a16:creationId xmlns:a16="http://schemas.microsoft.com/office/drawing/2014/main" id="{09CFDDBA-E518-4324-B18A-EF6E4B50B845}"/>
                  </a:ext>
                </a:extLst>
              </p:cNvPr>
              <p:cNvSpPr/>
              <p:nvPr/>
            </p:nvSpPr>
            <p:spPr>
              <a:xfrm>
                <a:off x="6148469" y="3422225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06" name="Freeform: Shape 105">
                <a:extLst>
                  <a:ext uri="{FF2B5EF4-FFF2-40B4-BE49-F238E27FC236}">
                    <a16:creationId xmlns:a16="http://schemas.microsoft.com/office/drawing/2014/main" id="{C8579CBC-E6AF-4829-AA1D-7B277821341A}"/>
                  </a:ext>
                </a:extLst>
              </p:cNvPr>
              <p:cNvSpPr/>
              <p:nvPr/>
            </p:nvSpPr>
            <p:spPr>
              <a:xfrm>
                <a:off x="6207620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07" name="Freeform: Shape 106">
                <a:extLst>
                  <a:ext uri="{FF2B5EF4-FFF2-40B4-BE49-F238E27FC236}">
                    <a16:creationId xmlns:a16="http://schemas.microsoft.com/office/drawing/2014/main" id="{F4F87C77-9949-468A-9B86-3D4A3CB1D080}"/>
                  </a:ext>
                </a:extLst>
              </p:cNvPr>
              <p:cNvSpPr/>
              <p:nvPr/>
            </p:nvSpPr>
            <p:spPr>
              <a:xfrm>
                <a:off x="6266865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08" name="Freeform: Shape 107">
                <a:extLst>
                  <a:ext uri="{FF2B5EF4-FFF2-40B4-BE49-F238E27FC236}">
                    <a16:creationId xmlns:a16="http://schemas.microsoft.com/office/drawing/2014/main" id="{C0DAD71F-08D6-41FB-93B2-448EB15BCB30}"/>
                  </a:ext>
                </a:extLst>
              </p:cNvPr>
              <p:cNvSpPr/>
              <p:nvPr/>
            </p:nvSpPr>
            <p:spPr>
              <a:xfrm>
                <a:off x="6326014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09" name="Freeform: Shape 108">
                <a:extLst>
                  <a:ext uri="{FF2B5EF4-FFF2-40B4-BE49-F238E27FC236}">
                    <a16:creationId xmlns:a16="http://schemas.microsoft.com/office/drawing/2014/main" id="{BFE5B582-FC98-4E72-9AFF-067166B79359}"/>
                  </a:ext>
                </a:extLst>
              </p:cNvPr>
              <p:cNvSpPr/>
              <p:nvPr/>
            </p:nvSpPr>
            <p:spPr>
              <a:xfrm>
                <a:off x="6385260" y="342222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10" name="Freeform: Shape 109">
                <a:extLst>
                  <a:ext uri="{FF2B5EF4-FFF2-40B4-BE49-F238E27FC236}">
                    <a16:creationId xmlns:a16="http://schemas.microsoft.com/office/drawing/2014/main" id="{AA87FE08-67A7-40C4-BA28-5C87D875EB1A}"/>
                  </a:ext>
                </a:extLst>
              </p:cNvPr>
              <p:cNvSpPr/>
              <p:nvPr/>
            </p:nvSpPr>
            <p:spPr>
              <a:xfrm>
                <a:off x="6444410" y="342222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11" name="Freeform: Shape 110">
                <a:extLst>
                  <a:ext uri="{FF2B5EF4-FFF2-40B4-BE49-F238E27FC236}">
                    <a16:creationId xmlns:a16="http://schemas.microsoft.com/office/drawing/2014/main" id="{601F8489-E1AB-4730-8A77-EFF164E47BCC}"/>
                  </a:ext>
                </a:extLst>
              </p:cNvPr>
              <p:cNvSpPr/>
              <p:nvPr/>
            </p:nvSpPr>
            <p:spPr>
              <a:xfrm>
                <a:off x="5734038" y="3481374"/>
                <a:ext cx="14192" cy="14096"/>
              </a:xfrm>
              <a:custGeom>
                <a:avLst/>
                <a:gdLst>
                  <a:gd name="connsiteX0" fmla="*/ 14192 w 14192"/>
                  <a:gd name="connsiteY0" fmla="*/ 7049 h 14096"/>
                  <a:gd name="connsiteX1" fmla="*/ 7144 w 14192"/>
                  <a:gd name="connsiteY1" fmla="*/ 14097 h 14096"/>
                  <a:gd name="connsiteX2" fmla="*/ 0 w 14192"/>
                  <a:gd name="connsiteY2" fmla="*/ 7049 h 14096"/>
                  <a:gd name="connsiteX3" fmla="*/ 7049 w 14192"/>
                  <a:gd name="connsiteY3" fmla="*/ 0 h 14096"/>
                  <a:gd name="connsiteX4" fmla="*/ 14192 w 14192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9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1049"/>
                      <a:pt x="0" y="7049"/>
                    </a:cubicBezTo>
                    <a:cubicBezTo>
                      <a:pt x="0" y="3048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12" name="Freeform: Shape 111">
                <a:extLst>
                  <a:ext uri="{FF2B5EF4-FFF2-40B4-BE49-F238E27FC236}">
                    <a16:creationId xmlns:a16="http://schemas.microsoft.com/office/drawing/2014/main" id="{D3E2442A-D936-4EBA-A666-6E82DB2DA28A}"/>
                  </a:ext>
                </a:extLst>
              </p:cNvPr>
              <p:cNvSpPr/>
              <p:nvPr/>
            </p:nvSpPr>
            <p:spPr>
              <a:xfrm>
                <a:off x="5793283" y="3481374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13" name="Freeform: Shape 112">
                <a:extLst>
                  <a:ext uri="{FF2B5EF4-FFF2-40B4-BE49-F238E27FC236}">
                    <a16:creationId xmlns:a16="http://schemas.microsoft.com/office/drawing/2014/main" id="{2E891E37-78A2-43D1-99C0-5F53AC4AD9D4}"/>
                  </a:ext>
                </a:extLst>
              </p:cNvPr>
              <p:cNvSpPr/>
              <p:nvPr/>
            </p:nvSpPr>
            <p:spPr>
              <a:xfrm>
                <a:off x="5852433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14" name="Freeform: Shape 113">
                <a:extLst>
                  <a:ext uri="{FF2B5EF4-FFF2-40B4-BE49-F238E27FC236}">
                    <a16:creationId xmlns:a16="http://schemas.microsoft.com/office/drawing/2014/main" id="{FF5FE9C1-0A9F-4E0A-8F9E-3EF3223F9E09}"/>
                  </a:ext>
                </a:extLst>
              </p:cNvPr>
              <p:cNvSpPr/>
              <p:nvPr/>
            </p:nvSpPr>
            <p:spPr>
              <a:xfrm>
                <a:off x="5911678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15" name="Freeform: Shape 114">
                <a:extLst>
                  <a:ext uri="{FF2B5EF4-FFF2-40B4-BE49-F238E27FC236}">
                    <a16:creationId xmlns:a16="http://schemas.microsoft.com/office/drawing/2014/main" id="{57C2FED7-F344-47E5-BB1E-E7CB26B335F8}"/>
                  </a:ext>
                </a:extLst>
              </p:cNvPr>
              <p:cNvSpPr/>
              <p:nvPr/>
            </p:nvSpPr>
            <p:spPr>
              <a:xfrm>
                <a:off x="5970828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16" name="Freeform: Shape 115">
                <a:extLst>
                  <a:ext uri="{FF2B5EF4-FFF2-40B4-BE49-F238E27FC236}">
                    <a16:creationId xmlns:a16="http://schemas.microsoft.com/office/drawing/2014/main" id="{C95DD38F-B4B9-40A1-B7BD-EDF00AFD64F9}"/>
                  </a:ext>
                </a:extLst>
              </p:cNvPr>
              <p:cNvSpPr/>
              <p:nvPr/>
            </p:nvSpPr>
            <p:spPr>
              <a:xfrm>
                <a:off x="6030074" y="3481374"/>
                <a:ext cx="14097" cy="14097"/>
              </a:xfrm>
              <a:custGeom>
                <a:avLst/>
                <a:gdLst>
                  <a:gd name="connsiteX0" fmla="*/ 14097 w 14097"/>
                  <a:gd name="connsiteY0" fmla="*/ 7049 h 14097"/>
                  <a:gd name="connsiteX1" fmla="*/ 7049 w 14097"/>
                  <a:gd name="connsiteY1" fmla="*/ 14097 h 14097"/>
                  <a:gd name="connsiteX2" fmla="*/ 0 w 14097"/>
                  <a:gd name="connsiteY2" fmla="*/ 7049 h 14097"/>
                  <a:gd name="connsiteX3" fmla="*/ 7049 w 14097"/>
                  <a:gd name="connsiteY3" fmla="*/ 0 h 14097"/>
                  <a:gd name="connsiteX4" fmla="*/ 14097 w 14097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17" name="Freeform: Shape 116">
                <a:extLst>
                  <a:ext uri="{FF2B5EF4-FFF2-40B4-BE49-F238E27FC236}">
                    <a16:creationId xmlns:a16="http://schemas.microsoft.com/office/drawing/2014/main" id="{B1334E03-6B96-4D5A-8314-2AAB15396089}"/>
                  </a:ext>
                </a:extLst>
              </p:cNvPr>
              <p:cNvSpPr/>
              <p:nvPr/>
            </p:nvSpPr>
            <p:spPr>
              <a:xfrm>
                <a:off x="6089224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18" name="Freeform: Shape 117">
                <a:extLst>
                  <a:ext uri="{FF2B5EF4-FFF2-40B4-BE49-F238E27FC236}">
                    <a16:creationId xmlns:a16="http://schemas.microsoft.com/office/drawing/2014/main" id="{59EFDAF0-6330-4D40-B4E4-57C5891A998C}"/>
                  </a:ext>
                </a:extLst>
              </p:cNvPr>
              <p:cNvSpPr/>
              <p:nvPr/>
            </p:nvSpPr>
            <p:spPr>
              <a:xfrm>
                <a:off x="5734038" y="3540620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19" name="Freeform: Shape 118">
                <a:extLst>
                  <a:ext uri="{FF2B5EF4-FFF2-40B4-BE49-F238E27FC236}">
                    <a16:creationId xmlns:a16="http://schemas.microsoft.com/office/drawing/2014/main" id="{6EDDC210-93CC-4464-BDA2-3CC18C0C693B}"/>
                  </a:ext>
                </a:extLst>
              </p:cNvPr>
              <p:cNvSpPr/>
              <p:nvPr/>
            </p:nvSpPr>
            <p:spPr>
              <a:xfrm>
                <a:off x="5793283" y="3540620"/>
                <a:ext cx="14097" cy="14097"/>
              </a:xfrm>
              <a:custGeom>
                <a:avLst/>
                <a:gdLst>
                  <a:gd name="connsiteX0" fmla="*/ 14097 w 14097"/>
                  <a:gd name="connsiteY0" fmla="*/ 7048 h 14097"/>
                  <a:gd name="connsiteX1" fmla="*/ 7049 w 14097"/>
                  <a:gd name="connsiteY1" fmla="*/ 14097 h 14097"/>
                  <a:gd name="connsiteX2" fmla="*/ 0 w 14097"/>
                  <a:gd name="connsiteY2" fmla="*/ 7048 h 14097"/>
                  <a:gd name="connsiteX3" fmla="*/ 7049 w 14097"/>
                  <a:gd name="connsiteY3" fmla="*/ 0 h 14097"/>
                  <a:gd name="connsiteX4" fmla="*/ 14097 w 14097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20" name="Freeform: Shape 119">
                <a:extLst>
                  <a:ext uri="{FF2B5EF4-FFF2-40B4-BE49-F238E27FC236}">
                    <a16:creationId xmlns:a16="http://schemas.microsoft.com/office/drawing/2014/main" id="{9E521203-1A0B-470B-B729-1B8B0AFF5A39}"/>
                  </a:ext>
                </a:extLst>
              </p:cNvPr>
              <p:cNvSpPr/>
              <p:nvPr/>
            </p:nvSpPr>
            <p:spPr>
              <a:xfrm>
                <a:off x="5852433" y="354062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21" name="Freeform: Shape 120">
                <a:extLst>
                  <a:ext uri="{FF2B5EF4-FFF2-40B4-BE49-F238E27FC236}">
                    <a16:creationId xmlns:a16="http://schemas.microsoft.com/office/drawing/2014/main" id="{091C18AB-4BE0-4C09-ABC6-05334DF7826F}"/>
                  </a:ext>
                </a:extLst>
              </p:cNvPr>
              <p:cNvSpPr/>
              <p:nvPr/>
            </p:nvSpPr>
            <p:spPr>
              <a:xfrm>
                <a:off x="5911678" y="354062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22" name="Freeform: Shape 121">
                <a:extLst>
                  <a:ext uri="{FF2B5EF4-FFF2-40B4-BE49-F238E27FC236}">
                    <a16:creationId xmlns:a16="http://schemas.microsoft.com/office/drawing/2014/main" id="{4EA1AE17-D725-411E-AFAC-60B5A959DF4E}"/>
                  </a:ext>
                </a:extLst>
              </p:cNvPr>
              <p:cNvSpPr/>
              <p:nvPr/>
            </p:nvSpPr>
            <p:spPr>
              <a:xfrm>
                <a:off x="5970828" y="354062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23" name="Freeform: Shape 122">
                <a:extLst>
                  <a:ext uri="{FF2B5EF4-FFF2-40B4-BE49-F238E27FC236}">
                    <a16:creationId xmlns:a16="http://schemas.microsoft.com/office/drawing/2014/main" id="{6D6D2AB0-DEA8-4510-96C2-B8547E8A7DD6}"/>
                  </a:ext>
                </a:extLst>
              </p:cNvPr>
              <p:cNvSpPr/>
              <p:nvPr/>
            </p:nvSpPr>
            <p:spPr>
              <a:xfrm>
                <a:off x="6030074" y="3540620"/>
                <a:ext cx="14097" cy="14097"/>
              </a:xfrm>
              <a:custGeom>
                <a:avLst/>
                <a:gdLst>
                  <a:gd name="connsiteX0" fmla="*/ 14097 w 14097"/>
                  <a:gd name="connsiteY0" fmla="*/ 7048 h 14097"/>
                  <a:gd name="connsiteX1" fmla="*/ 7049 w 14097"/>
                  <a:gd name="connsiteY1" fmla="*/ 14097 h 14097"/>
                  <a:gd name="connsiteX2" fmla="*/ 0 w 14097"/>
                  <a:gd name="connsiteY2" fmla="*/ 7048 h 14097"/>
                  <a:gd name="connsiteX3" fmla="*/ 7049 w 14097"/>
                  <a:gd name="connsiteY3" fmla="*/ 0 h 14097"/>
                  <a:gd name="connsiteX4" fmla="*/ 14097 w 14097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7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24" name="Freeform: Shape 123">
                <a:extLst>
                  <a:ext uri="{FF2B5EF4-FFF2-40B4-BE49-F238E27FC236}">
                    <a16:creationId xmlns:a16="http://schemas.microsoft.com/office/drawing/2014/main" id="{5D2C70B9-3A29-4A3F-B9E2-02A556FB509F}"/>
                  </a:ext>
                </a:extLst>
              </p:cNvPr>
              <p:cNvSpPr/>
              <p:nvPr/>
            </p:nvSpPr>
            <p:spPr>
              <a:xfrm>
                <a:off x="6089224" y="354062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25" name="Freeform: Shape 124">
                <a:extLst>
                  <a:ext uri="{FF2B5EF4-FFF2-40B4-BE49-F238E27FC236}">
                    <a16:creationId xmlns:a16="http://schemas.microsoft.com/office/drawing/2014/main" id="{B7B5EA85-B9B6-47B1-9156-980D6B0EE597}"/>
                  </a:ext>
                </a:extLst>
              </p:cNvPr>
              <p:cNvSpPr/>
              <p:nvPr/>
            </p:nvSpPr>
            <p:spPr>
              <a:xfrm>
                <a:off x="5734038" y="3599770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26" name="Freeform: Shape 125">
                <a:extLst>
                  <a:ext uri="{FF2B5EF4-FFF2-40B4-BE49-F238E27FC236}">
                    <a16:creationId xmlns:a16="http://schemas.microsoft.com/office/drawing/2014/main" id="{2C8DB9BF-A31E-45AC-8271-73868A63504C}"/>
                  </a:ext>
                </a:extLst>
              </p:cNvPr>
              <p:cNvSpPr/>
              <p:nvPr/>
            </p:nvSpPr>
            <p:spPr>
              <a:xfrm>
                <a:off x="5793283" y="3599770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27" name="Freeform: Shape 126">
                <a:extLst>
                  <a:ext uri="{FF2B5EF4-FFF2-40B4-BE49-F238E27FC236}">
                    <a16:creationId xmlns:a16="http://schemas.microsoft.com/office/drawing/2014/main" id="{3F5BC346-9C8F-4FC2-884E-BC40B09E9461}"/>
                  </a:ext>
                </a:extLst>
              </p:cNvPr>
              <p:cNvSpPr/>
              <p:nvPr/>
            </p:nvSpPr>
            <p:spPr>
              <a:xfrm>
                <a:off x="5852433" y="359977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28" name="Freeform: Shape 127">
                <a:extLst>
                  <a:ext uri="{FF2B5EF4-FFF2-40B4-BE49-F238E27FC236}">
                    <a16:creationId xmlns:a16="http://schemas.microsoft.com/office/drawing/2014/main" id="{4E18F1FE-B933-45C8-9F4F-53DCCC1FA2CA}"/>
                  </a:ext>
                </a:extLst>
              </p:cNvPr>
              <p:cNvSpPr/>
              <p:nvPr/>
            </p:nvSpPr>
            <p:spPr>
              <a:xfrm>
                <a:off x="5911678" y="359977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29" name="Freeform: Shape 128">
                <a:extLst>
                  <a:ext uri="{FF2B5EF4-FFF2-40B4-BE49-F238E27FC236}">
                    <a16:creationId xmlns:a16="http://schemas.microsoft.com/office/drawing/2014/main" id="{8CF9F0AF-3E92-4593-88F2-0A9691F8FEA5}"/>
                  </a:ext>
                </a:extLst>
              </p:cNvPr>
              <p:cNvSpPr/>
              <p:nvPr/>
            </p:nvSpPr>
            <p:spPr>
              <a:xfrm>
                <a:off x="5970828" y="359977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30" name="Freeform: Shape 129">
                <a:extLst>
                  <a:ext uri="{FF2B5EF4-FFF2-40B4-BE49-F238E27FC236}">
                    <a16:creationId xmlns:a16="http://schemas.microsoft.com/office/drawing/2014/main" id="{5F8E407F-7C3D-4C6D-A845-CE6C18A4E19E}"/>
                  </a:ext>
                </a:extLst>
              </p:cNvPr>
              <p:cNvSpPr/>
              <p:nvPr/>
            </p:nvSpPr>
            <p:spPr>
              <a:xfrm>
                <a:off x="6030073" y="3599770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31" name="Freeform: Shape 130">
                <a:extLst>
                  <a:ext uri="{FF2B5EF4-FFF2-40B4-BE49-F238E27FC236}">
                    <a16:creationId xmlns:a16="http://schemas.microsoft.com/office/drawing/2014/main" id="{65B86F18-3F82-406B-A6B8-73508323F5B1}"/>
                  </a:ext>
                </a:extLst>
              </p:cNvPr>
              <p:cNvSpPr/>
              <p:nvPr/>
            </p:nvSpPr>
            <p:spPr>
              <a:xfrm>
                <a:off x="6089224" y="359977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32" name="Freeform: Shape 131">
                <a:extLst>
                  <a:ext uri="{FF2B5EF4-FFF2-40B4-BE49-F238E27FC236}">
                    <a16:creationId xmlns:a16="http://schemas.microsoft.com/office/drawing/2014/main" id="{282DBE01-A20A-44FA-B824-6B6AE5B47541}"/>
                  </a:ext>
                </a:extLst>
              </p:cNvPr>
              <p:cNvSpPr/>
              <p:nvPr/>
            </p:nvSpPr>
            <p:spPr>
              <a:xfrm>
                <a:off x="5734037" y="3659014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33" name="Freeform: Shape 132">
                <a:extLst>
                  <a:ext uri="{FF2B5EF4-FFF2-40B4-BE49-F238E27FC236}">
                    <a16:creationId xmlns:a16="http://schemas.microsoft.com/office/drawing/2014/main" id="{525BA03A-821A-451C-974A-5BC54F600152}"/>
                  </a:ext>
                </a:extLst>
              </p:cNvPr>
              <p:cNvSpPr/>
              <p:nvPr/>
            </p:nvSpPr>
            <p:spPr>
              <a:xfrm>
                <a:off x="5793282" y="3659014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34" name="Freeform: Shape 133">
                <a:extLst>
                  <a:ext uri="{FF2B5EF4-FFF2-40B4-BE49-F238E27FC236}">
                    <a16:creationId xmlns:a16="http://schemas.microsoft.com/office/drawing/2014/main" id="{C4A1A8AE-42A8-458F-9647-2B1E0080C328}"/>
                  </a:ext>
                </a:extLst>
              </p:cNvPr>
              <p:cNvSpPr/>
              <p:nvPr/>
            </p:nvSpPr>
            <p:spPr>
              <a:xfrm>
                <a:off x="5852432" y="365901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35" name="Freeform: Shape 134">
                <a:extLst>
                  <a:ext uri="{FF2B5EF4-FFF2-40B4-BE49-F238E27FC236}">
                    <a16:creationId xmlns:a16="http://schemas.microsoft.com/office/drawing/2014/main" id="{1061C57A-74C4-42DF-837D-4BD2480F5637}"/>
                  </a:ext>
                </a:extLst>
              </p:cNvPr>
              <p:cNvSpPr/>
              <p:nvPr/>
            </p:nvSpPr>
            <p:spPr>
              <a:xfrm>
                <a:off x="5911678" y="365901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36" name="Freeform: Shape 135">
                <a:extLst>
                  <a:ext uri="{FF2B5EF4-FFF2-40B4-BE49-F238E27FC236}">
                    <a16:creationId xmlns:a16="http://schemas.microsoft.com/office/drawing/2014/main" id="{2E72CD8D-308B-4DA6-A9E9-29C5289A64AF}"/>
                  </a:ext>
                </a:extLst>
              </p:cNvPr>
              <p:cNvSpPr/>
              <p:nvPr/>
            </p:nvSpPr>
            <p:spPr>
              <a:xfrm>
                <a:off x="5970828" y="365901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37" name="Freeform: Shape 136">
                <a:extLst>
                  <a:ext uri="{FF2B5EF4-FFF2-40B4-BE49-F238E27FC236}">
                    <a16:creationId xmlns:a16="http://schemas.microsoft.com/office/drawing/2014/main" id="{67DA1353-3400-4417-AE74-101830D91305}"/>
                  </a:ext>
                </a:extLst>
              </p:cNvPr>
              <p:cNvSpPr/>
              <p:nvPr/>
            </p:nvSpPr>
            <p:spPr>
              <a:xfrm>
                <a:off x="6030073" y="3659014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38" name="Freeform: Shape 137">
                <a:extLst>
                  <a:ext uri="{FF2B5EF4-FFF2-40B4-BE49-F238E27FC236}">
                    <a16:creationId xmlns:a16="http://schemas.microsoft.com/office/drawing/2014/main" id="{780402F0-99E7-4BC1-8B33-8C28B061254B}"/>
                  </a:ext>
                </a:extLst>
              </p:cNvPr>
              <p:cNvSpPr/>
              <p:nvPr/>
            </p:nvSpPr>
            <p:spPr>
              <a:xfrm>
                <a:off x="6089224" y="365901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39" name="Freeform: Shape 138">
                <a:extLst>
                  <a:ext uri="{FF2B5EF4-FFF2-40B4-BE49-F238E27FC236}">
                    <a16:creationId xmlns:a16="http://schemas.microsoft.com/office/drawing/2014/main" id="{D8F0B222-EDEC-4F73-BFBF-EEF77FCEFE6D}"/>
                  </a:ext>
                </a:extLst>
              </p:cNvPr>
              <p:cNvSpPr/>
              <p:nvPr/>
            </p:nvSpPr>
            <p:spPr>
              <a:xfrm>
                <a:off x="5734039" y="3718165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40" name="Freeform: Shape 139">
                <a:extLst>
                  <a:ext uri="{FF2B5EF4-FFF2-40B4-BE49-F238E27FC236}">
                    <a16:creationId xmlns:a16="http://schemas.microsoft.com/office/drawing/2014/main" id="{99DFF4C5-2EF0-4C23-99F5-6FBA3C2FDECA}"/>
                  </a:ext>
                </a:extLst>
              </p:cNvPr>
              <p:cNvSpPr/>
              <p:nvPr/>
            </p:nvSpPr>
            <p:spPr>
              <a:xfrm>
                <a:off x="5793284" y="3718165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41" name="Freeform: Shape 140">
                <a:extLst>
                  <a:ext uri="{FF2B5EF4-FFF2-40B4-BE49-F238E27FC236}">
                    <a16:creationId xmlns:a16="http://schemas.microsoft.com/office/drawing/2014/main" id="{42099B1E-BE83-48FA-A883-6B86E3781583}"/>
                  </a:ext>
                </a:extLst>
              </p:cNvPr>
              <p:cNvSpPr/>
              <p:nvPr/>
            </p:nvSpPr>
            <p:spPr>
              <a:xfrm>
                <a:off x="5852434" y="371816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42" name="Freeform: Shape 141">
                <a:extLst>
                  <a:ext uri="{FF2B5EF4-FFF2-40B4-BE49-F238E27FC236}">
                    <a16:creationId xmlns:a16="http://schemas.microsoft.com/office/drawing/2014/main" id="{0642570B-F261-403D-8AE5-755725C5C683}"/>
                  </a:ext>
                </a:extLst>
              </p:cNvPr>
              <p:cNvSpPr/>
              <p:nvPr/>
            </p:nvSpPr>
            <p:spPr>
              <a:xfrm>
                <a:off x="5911679" y="371816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43" name="Freeform: Shape 142">
                <a:extLst>
                  <a:ext uri="{FF2B5EF4-FFF2-40B4-BE49-F238E27FC236}">
                    <a16:creationId xmlns:a16="http://schemas.microsoft.com/office/drawing/2014/main" id="{0289D3E0-1FCD-421F-B82C-57D48531197C}"/>
                  </a:ext>
                </a:extLst>
              </p:cNvPr>
              <p:cNvSpPr/>
              <p:nvPr/>
            </p:nvSpPr>
            <p:spPr>
              <a:xfrm>
                <a:off x="5970829" y="371816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44" name="Freeform: Shape 143">
                <a:extLst>
                  <a:ext uri="{FF2B5EF4-FFF2-40B4-BE49-F238E27FC236}">
                    <a16:creationId xmlns:a16="http://schemas.microsoft.com/office/drawing/2014/main" id="{B0CDB835-A9B8-4DD1-8E4A-94CB352EBA4C}"/>
                  </a:ext>
                </a:extLst>
              </p:cNvPr>
              <p:cNvSpPr/>
              <p:nvPr/>
            </p:nvSpPr>
            <p:spPr>
              <a:xfrm>
                <a:off x="6030074" y="3718165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8 w 14097"/>
                  <a:gd name="connsiteY1" fmla="*/ 14097 h 14096"/>
                  <a:gd name="connsiteX2" fmla="*/ 0 w 14097"/>
                  <a:gd name="connsiteY2" fmla="*/ 7048 h 14096"/>
                  <a:gd name="connsiteX3" fmla="*/ 7048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45" name="Freeform: Shape 144">
                <a:extLst>
                  <a:ext uri="{FF2B5EF4-FFF2-40B4-BE49-F238E27FC236}">
                    <a16:creationId xmlns:a16="http://schemas.microsoft.com/office/drawing/2014/main" id="{A959ACD8-7B03-425E-A568-DD933FE53D29}"/>
                  </a:ext>
                </a:extLst>
              </p:cNvPr>
              <p:cNvSpPr/>
              <p:nvPr/>
            </p:nvSpPr>
            <p:spPr>
              <a:xfrm>
                <a:off x="6089225" y="3718165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46" name="Freeform: Shape 145">
                <a:extLst>
                  <a:ext uri="{FF2B5EF4-FFF2-40B4-BE49-F238E27FC236}">
                    <a16:creationId xmlns:a16="http://schemas.microsoft.com/office/drawing/2014/main" id="{C1417EAD-6931-45DD-A71C-649A3A1E1742}"/>
                  </a:ext>
                </a:extLst>
              </p:cNvPr>
              <p:cNvSpPr/>
              <p:nvPr/>
            </p:nvSpPr>
            <p:spPr>
              <a:xfrm>
                <a:off x="5734040" y="3777410"/>
                <a:ext cx="14192" cy="14096"/>
              </a:xfrm>
              <a:custGeom>
                <a:avLst/>
                <a:gdLst>
                  <a:gd name="connsiteX0" fmla="*/ 14192 w 14192"/>
                  <a:gd name="connsiteY0" fmla="*/ 7048 h 14096"/>
                  <a:gd name="connsiteX1" fmla="*/ 7144 w 14192"/>
                  <a:gd name="connsiteY1" fmla="*/ 14097 h 14096"/>
                  <a:gd name="connsiteX2" fmla="*/ 0 w 14192"/>
                  <a:gd name="connsiteY2" fmla="*/ 7048 h 14096"/>
                  <a:gd name="connsiteX3" fmla="*/ 7049 w 14192"/>
                  <a:gd name="connsiteY3" fmla="*/ 0 h 14096"/>
                  <a:gd name="connsiteX4" fmla="*/ 14192 w 14192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192" h="14096">
                    <a:moveTo>
                      <a:pt x="14192" y="7048"/>
                    </a:moveTo>
                    <a:cubicBezTo>
                      <a:pt x="14192" y="10954"/>
                      <a:pt x="11049" y="14097"/>
                      <a:pt x="7144" y="14097"/>
                    </a:cubicBezTo>
                    <a:cubicBezTo>
                      <a:pt x="3239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192" y="3143"/>
                      <a:pt x="14192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47" name="Freeform: Shape 146">
                <a:extLst>
                  <a:ext uri="{FF2B5EF4-FFF2-40B4-BE49-F238E27FC236}">
                    <a16:creationId xmlns:a16="http://schemas.microsoft.com/office/drawing/2014/main" id="{3F8F5897-91C8-4949-B3E2-08E8C4D10561}"/>
                  </a:ext>
                </a:extLst>
              </p:cNvPr>
              <p:cNvSpPr/>
              <p:nvPr/>
            </p:nvSpPr>
            <p:spPr>
              <a:xfrm>
                <a:off x="5793285" y="3777410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48" name="Freeform: Shape 147">
                <a:extLst>
                  <a:ext uri="{FF2B5EF4-FFF2-40B4-BE49-F238E27FC236}">
                    <a16:creationId xmlns:a16="http://schemas.microsoft.com/office/drawing/2014/main" id="{818AF2B2-848E-432A-853D-4171DB436AB9}"/>
                  </a:ext>
                </a:extLst>
              </p:cNvPr>
              <p:cNvSpPr/>
              <p:nvPr/>
            </p:nvSpPr>
            <p:spPr>
              <a:xfrm>
                <a:off x="5852436" y="3777408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49" name="Freeform: Shape 148">
                <a:extLst>
                  <a:ext uri="{FF2B5EF4-FFF2-40B4-BE49-F238E27FC236}">
                    <a16:creationId xmlns:a16="http://schemas.microsoft.com/office/drawing/2014/main" id="{A95D8E15-C401-4021-A442-B2B29505E22D}"/>
                  </a:ext>
                </a:extLst>
              </p:cNvPr>
              <p:cNvSpPr/>
              <p:nvPr/>
            </p:nvSpPr>
            <p:spPr>
              <a:xfrm>
                <a:off x="5911683" y="3777408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50" name="Freeform: Shape 149">
                <a:extLst>
                  <a:ext uri="{FF2B5EF4-FFF2-40B4-BE49-F238E27FC236}">
                    <a16:creationId xmlns:a16="http://schemas.microsoft.com/office/drawing/2014/main" id="{91B6E7C4-CA47-4FE7-84A9-629E655725F3}"/>
                  </a:ext>
                </a:extLst>
              </p:cNvPr>
              <p:cNvSpPr/>
              <p:nvPr/>
            </p:nvSpPr>
            <p:spPr>
              <a:xfrm>
                <a:off x="5970835" y="3777408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51" name="Freeform: Shape 150">
                <a:extLst>
                  <a:ext uri="{FF2B5EF4-FFF2-40B4-BE49-F238E27FC236}">
                    <a16:creationId xmlns:a16="http://schemas.microsoft.com/office/drawing/2014/main" id="{AD49B82B-2837-42BA-9DE4-DF33E912C8C5}"/>
                  </a:ext>
                </a:extLst>
              </p:cNvPr>
              <p:cNvSpPr/>
              <p:nvPr/>
            </p:nvSpPr>
            <p:spPr>
              <a:xfrm>
                <a:off x="6030082" y="3777410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9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9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52" name="Freeform: Shape 151">
                <a:extLst>
                  <a:ext uri="{FF2B5EF4-FFF2-40B4-BE49-F238E27FC236}">
                    <a16:creationId xmlns:a16="http://schemas.microsoft.com/office/drawing/2014/main" id="{173AEBBC-7300-434A-90D2-797E21B1434C}"/>
                  </a:ext>
                </a:extLst>
              </p:cNvPr>
              <p:cNvSpPr/>
              <p:nvPr/>
            </p:nvSpPr>
            <p:spPr>
              <a:xfrm>
                <a:off x="6089231" y="3777408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53" name="Freeform: Shape 152">
                <a:extLst>
                  <a:ext uri="{FF2B5EF4-FFF2-40B4-BE49-F238E27FC236}">
                    <a16:creationId xmlns:a16="http://schemas.microsoft.com/office/drawing/2014/main" id="{079F400B-1FBB-4723-AE19-B242DD4F5F4D}"/>
                  </a:ext>
                </a:extLst>
              </p:cNvPr>
              <p:cNvSpPr/>
              <p:nvPr/>
            </p:nvSpPr>
            <p:spPr>
              <a:xfrm>
                <a:off x="6148476" y="3481374"/>
                <a:ext cx="14097" cy="14096"/>
              </a:xfrm>
              <a:custGeom>
                <a:avLst/>
                <a:gdLst>
                  <a:gd name="connsiteX0" fmla="*/ 14097 w 14097"/>
                  <a:gd name="connsiteY0" fmla="*/ 7049 h 14096"/>
                  <a:gd name="connsiteX1" fmla="*/ 7049 w 14097"/>
                  <a:gd name="connsiteY1" fmla="*/ 14097 h 14096"/>
                  <a:gd name="connsiteX2" fmla="*/ 0 w 14097"/>
                  <a:gd name="connsiteY2" fmla="*/ 7049 h 14096"/>
                  <a:gd name="connsiteX3" fmla="*/ 7049 w 14097"/>
                  <a:gd name="connsiteY3" fmla="*/ 0 h 14096"/>
                  <a:gd name="connsiteX4" fmla="*/ 14097 w 14097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54" name="Freeform: Shape 153">
                <a:extLst>
                  <a:ext uri="{FF2B5EF4-FFF2-40B4-BE49-F238E27FC236}">
                    <a16:creationId xmlns:a16="http://schemas.microsoft.com/office/drawing/2014/main" id="{F3220893-28AF-4796-89C4-497A3E0F7375}"/>
                  </a:ext>
                </a:extLst>
              </p:cNvPr>
              <p:cNvSpPr/>
              <p:nvPr/>
            </p:nvSpPr>
            <p:spPr>
              <a:xfrm>
                <a:off x="6207627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55" name="Freeform: Shape 154">
                <a:extLst>
                  <a:ext uri="{FF2B5EF4-FFF2-40B4-BE49-F238E27FC236}">
                    <a16:creationId xmlns:a16="http://schemas.microsoft.com/office/drawing/2014/main" id="{E37B6154-8BF3-4B1F-8CE6-4E1F92E2A756}"/>
                  </a:ext>
                </a:extLst>
              </p:cNvPr>
              <p:cNvSpPr/>
              <p:nvPr/>
            </p:nvSpPr>
            <p:spPr>
              <a:xfrm>
                <a:off x="6266872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9 w 14096"/>
                  <a:gd name="connsiteY1" fmla="*/ 14097 h 14096"/>
                  <a:gd name="connsiteX2" fmla="*/ 0 w 14096"/>
                  <a:gd name="connsiteY2" fmla="*/ 7049 h 14096"/>
                  <a:gd name="connsiteX3" fmla="*/ 7049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56" name="Freeform: Shape 155">
                <a:extLst>
                  <a:ext uri="{FF2B5EF4-FFF2-40B4-BE49-F238E27FC236}">
                    <a16:creationId xmlns:a16="http://schemas.microsoft.com/office/drawing/2014/main" id="{AF054118-31C5-405F-98FD-C52552668115}"/>
                  </a:ext>
                </a:extLst>
              </p:cNvPr>
              <p:cNvSpPr/>
              <p:nvPr/>
            </p:nvSpPr>
            <p:spPr>
              <a:xfrm>
                <a:off x="6326022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57" name="Freeform: Shape 156">
                <a:extLst>
                  <a:ext uri="{FF2B5EF4-FFF2-40B4-BE49-F238E27FC236}">
                    <a16:creationId xmlns:a16="http://schemas.microsoft.com/office/drawing/2014/main" id="{BC580ECA-94B5-4EEE-8B3E-D13068010A85}"/>
                  </a:ext>
                </a:extLst>
              </p:cNvPr>
              <p:cNvSpPr/>
              <p:nvPr/>
            </p:nvSpPr>
            <p:spPr>
              <a:xfrm>
                <a:off x="6385268" y="3481374"/>
                <a:ext cx="14096" cy="14096"/>
              </a:xfrm>
              <a:custGeom>
                <a:avLst/>
                <a:gdLst>
                  <a:gd name="connsiteX0" fmla="*/ 14097 w 14096"/>
                  <a:gd name="connsiteY0" fmla="*/ 7049 h 14096"/>
                  <a:gd name="connsiteX1" fmla="*/ 7048 w 14096"/>
                  <a:gd name="connsiteY1" fmla="*/ 14097 h 14096"/>
                  <a:gd name="connsiteX2" fmla="*/ 0 w 14096"/>
                  <a:gd name="connsiteY2" fmla="*/ 7049 h 14096"/>
                  <a:gd name="connsiteX3" fmla="*/ 7048 w 14096"/>
                  <a:gd name="connsiteY3" fmla="*/ 0 h 14096"/>
                  <a:gd name="connsiteX4" fmla="*/ 14097 w 14096"/>
                  <a:gd name="connsiteY4" fmla="*/ 7049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9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9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58" name="Freeform: Shape 157">
                <a:extLst>
                  <a:ext uri="{FF2B5EF4-FFF2-40B4-BE49-F238E27FC236}">
                    <a16:creationId xmlns:a16="http://schemas.microsoft.com/office/drawing/2014/main" id="{B5EC5FD6-0D19-498D-BDFC-1C65B1405374}"/>
                  </a:ext>
                </a:extLst>
              </p:cNvPr>
              <p:cNvSpPr/>
              <p:nvPr/>
            </p:nvSpPr>
            <p:spPr>
              <a:xfrm>
                <a:off x="6444417" y="3481373"/>
                <a:ext cx="14096" cy="14097"/>
              </a:xfrm>
              <a:custGeom>
                <a:avLst/>
                <a:gdLst>
                  <a:gd name="connsiteX0" fmla="*/ 14097 w 14096"/>
                  <a:gd name="connsiteY0" fmla="*/ 7049 h 14097"/>
                  <a:gd name="connsiteX1" fmla="*/ 7048 w 14096"/>
                  <a:gd name="connsiteY1" fmla="*/ 14097 h 14097"/>
                  <a:gd name="connsiteX2" fmla="*/ 0 w 14096"/>
                  <a:gd name="connsiteY2" fmla="*/ 7049 h 14097"/>
                  <a:gd name="connsiteX3" fmla="*/ 7048 w 14096"/>
                  <a:gd name="connsiteY3" fmla="*/ 0 h 14097"/>
                  <a:gd name="connsiteX4" fmla="*/ 14097 w 14096"/>
                  <a:gd name="connsiteY4" fmla="*/ 7049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9"/>
                    </a:moveTo>
                    <a:cubicBezTo>
                      <a:pt x="14097" y="10941"/>
                      <a:pt x="10941" y="14097"/>
                      <a:pt x="7048" y="14097"/>
                    </a:cubicBezTo>
                    <a:cubicBezTo>
                      <a:pt x="3156" y="14097"/>
                      <a:pt x="0" y="10941"/>
                      <a:pt x="0" y="7049"/>
                    </a:cubicBezTo>
                    <a:cubicBezTo>
                      <a:pt x="0" y="3156"/>
                      <a:pt x="3156" y="0"/>
                      <a:pt x="7048" y="0"/>
                    </a:cubicBezTo>
                    <a:cubicBezTo>
                      <a:pt x="10941" y="0"/>
                      <a:pt x="14097" y="3156"/>
                      <a:pt x="14097" y="704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59" name="Freeform: Shape 158">
                <a:extLst>
                  <a:ext uri="{FF2B5EF4-FFF2-40B4-BE49-F238E27FC236}">
                    <a16:creationId xmlns:a16="http://schemas.microsoft.com/office/drawing/2014/main" id="{1F47A1FC-F8D5-4DF4-B1D1-0B0F9CD2BD6C}"/>
                  </a:ext>
                </a:extLst>
              </p:cNvPr>
              <p:cNvSpPr/>
              <p:nvPr/>
            </p:nvSpPr>
            <p:spPr>
              <a:xfrm>
                <a:off x="6148476" y="3540622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60" name="Freeform: Shape 159">
                <a:extLst>
                  <a:ext uri="{FF2B5EF4-FFF2-40B4-BE49-F238E27FC236}">
                    <a16:creationId xmlns:a16="http://schemas.microsoft.com/office/drawing/2014/main" id="{503D5622-B726-487F-B57C-23162F37592D}"/>
                  </a:ext>
                </a:extLst>
              </p:cNvPr>
              <p:cNvSpPr/>
              <p:nvPr/>
            </p:nvSpPr>
            <p:spPr>
              <a:xfrm>
                <a:off x="6207627" y="3540623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61" name="Freeform: Shape 160">
                <a:extLst>
                  <a:ext uri="{FF2B5EF4-FFF2-40B4-BE49-F238E27FC236}">
                    <a16:creationId xmlns:a16="http://schemas.microsoft.com/office/drawing/2014/main" id="{25E5A90C-2EF7-4B6F-A358-5BB4E600DD66}"/>
                  </a:ext>
                </a:extLst>
              </p:cNvPr>
              <p:cNvSpPr/>
              <p:nvPr/>
            </p:nvSpPr>
            <p:spPr>
              <a:xfrm>
                <a:off x="6266872" y="35406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62" name="Freeform: Shape 161">
                <a:extLst>
                  <a:ext uri="{FF2B5EF4-FFF2-40B4-BE49-F238E27FC236}">
                    <a16:creationId xmlns:a16="http://schemas.microsoft.com/office/drawing/2014/main" id="{302D610A-8A29-4084-9D8E-4D2CC0453FA3}"/>
                  </a:ext>
                </a:extLst>
              </p:cNvPr>
              <p:cNvSpPr/>
              <p:nvPr/>
            </p:nvSpPr>
            <p:spPr>
              <a:xfrm>
                <a:off x="6326022" y="3540627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63" name="Freeform: Shape 162">
                <a:extLst>
                  <a:ext uri="{FF2B5EF4-FFF2-40B4-BE49-F238E27FC236}">
                    <a16:creationId xmlns:a16="http://schemas.microsoft.com/office/drawing/2014/main" id="{4512BE54-08BA-409A-9F16-0B3A63534F25}"/>
                  </a:ext>
                </a:extLst>
              </p:cNvPr>
              <p:cNvSpPr/>
              <p:nvPr/>
            </p:nvSpPr>
            <p:spPr>
              <a:xfrm>
                <a:off x="6385268" y="354063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64" name="Freeform: Shape 163">
                <a:extLst>
                  <a:ext uri="{FF2B5EF4-FFF2-40B4-BE49-F238E27FC236}">
                    <a16:creationId xmlns:a16="http://schemas.microsoft.com/office/drawing/2014/main" id="{21517A1B-623C-4FB6-A8DE-C70DE126139A}"/>
                  </a:ext>
                </a:extLst>
              </p:cNvPr>
              <p:cNvSpPr/>
              <p:nvPr/>
            </p:nvSpPr>
            <p:spPr>
              <a:xfrm>
                <a:off x="6444417" y="3540631"/>
                <a:ext cx="14096" cy="14097"/>
              </a:xfrm>
              <a:custGeom>
                <a:avLst/>
                <a:gdLst>
                  <a:gd name="connsiteX0" fmla="*/ 14097 w 14096"/>
                  <a:gd name="connsiteY0" fmla="*/ 7048 h 14097"/>
                  <a:gd name="connsiteX1" fmla="*/ 7048 w 14096"/>
                  <a:gd name="connsiteY1" fmla="*/ 14097 h 14097"/>
                  <a:gd name="connsiteX2" fmla="*/ 0 w 14096"/>
                  <a:gd name="connsiteY2" fmla="*/ 7048 h 14097"/>
                  <a:gd name="connsiteX3" fmla="*/ 7048 w 14096"/>
                  <a:gd name="connsiteY3" fmla="*/ 0 h 14097"/>
                  <a:gd name="connsiteX4" fmla="*/ 14097 w 14096"/>
                  <a:gd name="connsiteY4" fmla="*/ 7048 h 14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7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8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8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65" name="Freeform: Shape 164">
                <a:extLst>
                  <a:ext uri="{FF2B5EF4-FFF2-40B4-BE49-F238E27FC236}">
                    <a16:creationId xmlns:a16="http://schemas.microsoft.com/office/drawing/2014/main" id="{8F788AA1-211E-4C56-B36D-9863A62BC9E9}"/>
                  </a:ext>
                </a:extLst>
              </p:cNvPr>
              <p:cNvSpPr/>
              <p:nvPr/>
            </p:nvSpPr>
            <p:spPr>
              <a:xfrm>
                <a:off x="6148476" y="3599781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66" name="Freeform: Shape 165">
                <a:extLst>
                  <a:ext uri="{FF2B5EF4-FFF2-40B4-BE49-F238E27FC236}">
                    <a16:creationId xmlns:a16="http://schemas.microsoft.com/office/drawing/2014/main" id="{8B12D240-C258-4FE9-A423-E46A6773F17B}"/>
                  </a:ext>
                </a:extLst>
              </p:cNvPr>
              <p:cNvSpPr/>
              <p:nvPr/>
            </p:nvSpPr>
            <p:spPr>
              <a:xfrm>
                <a:off x="6207627" y="3599781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67" name="Freeform: Shape 166">
                <a:extLst>
                  <a:ext uri="{FF2B5EF4-FFF2-40B4-BE49-F238E27FC236}">
                    <a16:creationId xmlns:a16="http://schemas.microsoft.com/office/drawing/2014/main" id="{1A0AAA9A-6C12-4257-AC9C-FBFA0F0EEE0F}"/>
                  </a:ext>
                </a:extLst>
              </p:cNvPr>
              <p:cNvSpPr/>
              <p:nvPr/>
            </p:nvSpPr>
            <p:spPr>
              <a:xfrm>
                <a:off x="6266872" y="3599781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68" name="Freeform: Shape 167">
                <a:extLst>
                  <a:ext uri="{FF2B5EF4-FFF2-40B4-BE49-F238E27FC236}">
                    <a16:creationId xmlns:a16="http://schemas.microsoft.com/office/drawing/2014/main" id="{61819836-2D65-4DA6-B1B2-20437FAD689A}"/>
                  </a:ext>
                </a:extLst>
              </p:cNvPr>
              <p:cNvSpPr/>
              <p:nvPr/>
            </p:nvSpPr>
            <p:spPr>
              <a:xfrm>
                <a:off x="6326022" y="3599781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69" name="Freeform: Shape 168">
                <a:extLst>
                  <a:ext uri="{FF2B5EF4-FFF2-40B4-BE49-F238E27FC236}">
                    <a16:creationId xmlns:a16="http://schemas.microsoft.com/office/drawing/2014/main" id="{F89C4CF7-D75F-44C1-BC4D-DE7AA1E0D642}"/>
                  </a:ext>
                </a:extLst>
              </p:cNvPr>
              <p:cNvSpPr/>
              <p:nvPr/>
            </p:nvSpPr>
            <p:spPr>
              <a:xfrm>
                <a:off x="6385268" y="3599780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70" name="Freeform: Shape 169">
                <a:extLst>
                  <a:ext uri="{FF2B5EF4-FFF2-40B4-BE49-F238E27FC236}">
                    <a16:creationId xmlns:a16="http://schemas.microsoft.com/office/drawing/2014/main" id="{A00CB392-768D-49BF-BA72-092945C55ACD}"/>
                  </a:ext>
                </a:extLst>
              </p:cNvPr>
              <p:cNvSpPr/>
              <p:nvPr/>
            </p:nvSpPr>
            <p:spPr>
              <a:xfrm>
                <a:off x="6444417" y="3599782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71" name="Freeform: Shape 170">
                <a:extLst>
                  <a:ext uri="{FF2B5EF4-FFF2-40B4-BE49-F238E27FC236}">
                    <a16:creationId xmlns:a16="http://schemas.microsoft.com/office/drawing/2014/main" id="{CF276FAA-41F5-4B48-9482-8481D80FD916}"/>
                  </a:ext>
                </a:extLst>
              </p:cNvPr>
              <p:cNvSpPr/>
              <p:nvPr/>
            </p:nvSpPr>
            <p:spPr>
              <a:xfrm>
                <a:off x="6148476" y="3659026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72" name="Freeform: Shape 171">
                <a:extLst>
                  <a:ext uri="{FF2B5EF4-FFF2-40B4-BE49-F238E27FC236}">
                    <a16:creationId xmlns:a16="http://schemas.microsoft.com/office/drawing/2014/main" id="{B023AAE1-1E09-438C-94E4-1AA2E1261749}"/>
                  </a:ext>
                </a:extLst>
              </p:cNvPr>
              <p:cNvSpPr/>
              <p:nvPr/>
            </p:nvSpPr>
            <p:spPr>
              <a:xfrm>
                <a:off x="6207627" y="36590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73" name="Freeform: Shape 172">
                <a:extLst>
                  <a:ext uri="{FF2B5EF4-FFF2-40B4-BE49-F238E27FC236}">
                    <a16:creationId xmlns:a16="http://schemas.microsoft.com/office/drawing/2014/main" id="{6AF45571-CE43-461D-A8D7-2B47BADAC7A2}"/>
                  </a:ext>
                </a:extLst>
              </p:cNvPr>
              <p:cNvSpPr/>
              <p:nvPr/>
            </p:nvSpPr>
            <p:spPr>
              <a:xfrm>
                <a:off x="6266872" y="36590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74" name="Freeform: Shape 173">
                <a:extLst>
                  <a:ext uri="{FF2B5EF4-FFF2-40B4-BE49-F238E27FC236}">
                    <a16:creationId xmlns:a16="http://schemas.microsoft.com/office/drawing/2014/main" id="{D5EB8CB6-6D13-433E-A200-C3F33606CBA0}"/>
                  </a:ext>
                </a:extLst>
              </p:cNvPr>
              <p:cNvSpPr/>
              <p:nvPr/>
            </p:nvSpPr>
            <p:spPr>
              <a:xfrm>
                <a:off x="6326022" y="36590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75" name="Freeform: Shape 174">
                <a:extLst>
                  <a:ext uri="{FF2B5EF4-FFF2-40B4-BE49-F238E27FC236}">
                    <a16:creationId xmlns:a16="http://schemas.microsoft.com/office/drawing/2014/main" id="{F97E0D79-0FE9-4E61-B180-D44663AE43FB}"/>
                  </a:ext>
                </a:extLst>
              </p:cNvPr>
              <p:cNvSpPr/>
              <p:nvPr/>
            </p:nvSpPr>
            <p:spPr>
              <a:xfrm>
                <a:off x="6385268" y="36590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76" name="Freeform: Shape 175">
                <a:extLst>
                  <a:ext uri="{FF2B5EF4-FFF2-40B4-BE49-F238E27FC236}">
                    <a16:creationId xmlns:a16="http://schemas.microsoft.com/office/drawing/2014/main" id="{0E7A30CB-3A49-440A-8BFF-DDECDE64AFB9}"/>
                  </a:ext>
                </a:extLst>
              </p:cNvPr>
              <p:cNvSpPr/>
              <p:nvPr/>
            </p:nvSpPr>
            <p:spPr>
              <a:xfrm>
                <a:off x="6444417" y="365902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77" name="Freeform: Shape 176">
                <a:extLst>
                  <a:ext uri="{FF2B5EF4-FFF2-40B4-BE49-F238E27FC236}">
                    <a16:creationId xmlns:a16="http://schemas.microsoft.com/office/drawing/2014/main" id="{2C9C1DFA-72DD-49AD-8233-893910818926}"/>
                  </a:ext>
                </a:extLst>
              </p:cNvPr>
              <p:cNvSpPr/>
              <p:nvPr/>
            </p:nvSpPr>
            <p:spPr>
              <a:xfrm>
                <a:off x="6148476" y="3718177"/>
                <a:ext cx="14097" cy="14096"/>
              </a:xfrm>
              <a:custGeom>
                <a:avLst/>
                <a:gdLst>
                  <a:gd name="connsiteX0" fmla="*/ 14097 w 14097"/>
                  <a:gd name="connsiteY0" fmla="*/ 7048 h 14096"/>
                  <a:gd name="connsiteX1" fmla="*/ 7049 w 14097"/>
                  <a:gd name="connsiteY1" fmla="*/ 14097 h 14096"/>
                  <a:gd name="connsiteX2" fmla="*/ 0 w 14097"/>
                  <a:gd name="connsiteY2" fmla="*/ 7048 h 14096"/>
                  <a:gd name="connsiteX3" fmla="*/ 7049 w 14097"/>
                  <a:gd name="connsiteY3" fmla="*/ 0 h 14096"/>
                  <a:gd name="connsiteX4" fmla="*/ 14097 w 14097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78" name="Freeform: Shape 177">
                <a:extLst>
                  <a:ext uri="{FF2B5EF4-FFF2-40B4-BE49-F238E27FC236}">
                    <a16:creationId xmlns:a16="http://schemas.microsoft.com/office/drawing/2014/main" id="{01E06A40-B44B-42D2-8166-86EA71277133}"/>
                  </a:ext>
                </a:extLst>
              </p:cNvPr>
              <p:cNvSpPr/>
              <p:nvPr/>
            </p:nvSpPr>
            <p:spPr>
              <a:xfrm>
                <a:off x="6207627" y="3718177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79" name="Freeform: Shape 178">
                <a:extLst>
                  <a:ext uri="{FF2B5EF4-FFF2-40B4-BE49-F238E27FC236}">
                    <a16:creationId xmlns:a16="http://schemas.microsoft.com/office/drawing/2014/main" id="{AAD1390C-B164-4DA1-8585-4920E900C857}"/>
                  </a:ext>
                </a:extLst>
              </p:cNvPr>
              <p:cNvSpPr/>
              <p:nvPr/>
            </p:nvSpPr>
            <p:spPr>
              <a:xfrm>
                <a:off x="6266872" y="3718177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9 w 14096"/>
                  <a:gd name="connsiteY1" fmla="*/ 14097 h 14096"/>
                  <a:gd name="connsiteX2" fmla="*/ 0 w 14096"/>
                  <a:gd name="connsiteY2" fmla="*/ 7048 h 14096"/>
                  <a:gd name="connsiteX3" fmla="*/ 7049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9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9" y="0"/>
                    </a:cubicBezTo>
                    <a:cubicBezTo>
                      <a:pt x="10859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80" name="Freeform: Shape 179">
                <a:extLst>
                  <a:ext uri="{FF2B5EF4-FFF2-40B4-BE49-F238E27FC236}">
                    <a16:creationId xmlns:a16="http://schemas.microsoft.com/office/drawing/2014/main" id="{6E37C65D-A0AE-4C3D-871A-FC32207011DF}"/>
                  </a:ext>
                </a:extLst>
              </p:cNvPr>
              <p:cNvSpPr/>
              <p:nvPr/>
            </p:nvSpPr>
            <p:spPr>
              <a:xfrm>
                <a:off x="6326022" y="3718177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81" name="Freeform: Shape 180">
                <a:extLst>
                  <a:ext uri="{FF2B5EF4-FFF2-40B4-BE49-F238E27FC236}">
                    <a16:creationId xmlns:a16="http://schemas.microsoft.com/office/drawing/2014/main" id="{0F946D8A-AA88-4AD8-8CFC-060E4352D7C7}"/>
                  </a:ext>
                </a:extLst>
              </p:cNvPr>
              <p:cNvSpPr/>
              <p:nvPr/>
            </p:nvSpPr>
            <p:spPr>
              <a:xfrm>
                <a:off x="6385268" y="3718172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858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82" name="Freeform: Shape 181">
                <a:extLst>
                  <a:ext uri="{FF2B5EF4-FFF2-40B4-BE49-F238E27FC236}">
                    <a16:creationId xmlns:a16="http://schemas.microsoft.com/office/drawing/2014/main" id="{26C69E7E-139D-4304-9A47-E443E0325007}"/>
                  </a:ext>
                </a:extLst>
              </p:cNvPr>
              <p:cNvSpPr/>
              <p:nvPr/>
            </p:nvSpPr>
            <p:spPr>
              <a:xfrm>
                <a:off x="6444417" y="3718176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54"/>
                      <a:pt x="10954" y="14097"/>
                      <a:pt x="7048" y="14097"/>
                    </a:cubicBezTo>
                    <a:cubicBezTo>
                      <a:pt x="3143" y="14097"/>
                      <a:pt x="0" y="10954"/>
                      <a:pt x="0" y="7048"/>
                    </a:cubicBezTo>
                    <a:cubicBezTo>
                      <a:pt x="0" y="3143"/>
                      <a:pt x="3143" y="0"/>
                      <a:pt x="7048" y="0"/>
                    </a:cubicBezTo>
                    <a:cubicBezTo>
                      <a:pt x="10954" y="0"/>
                      <a:pt x="14097" y="3143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83" name="Freeform: Shape 182">
                <a:extLst>
                  <a:ext uri="{FF2B5EF4-FFF2-40B4-BE49-F238E27FC236}">
                    <a16:creationId xmlns:a16="http://schemas.microsoft.com/office/drawing/2014/main" id="{643619BB-998A-4688-9EA8-E1A29493B652}"/>
                  </a:ext>
                </a:extLst>
              </p:cNvPr>
              <p:cNvSpPr/>
              <p:nvPr/>
            </p:nvSpPr>
            <p:spPr>
              <a:xfrm>
                <a:off x="6148472" y="3777419"/>
                <a:ext cx="14097" cy="14099"/>
              </a:xfrm>
              <a:custGeom>
                <a:avLst/>
                <a:gdLst>
                  <a:gd name="connsiteX0" fmla="*/ 14097 w 14097"/>
                  <a:gd name="connsiteY0" fmla="*/ 7051 h 14099"/>
                  <a:gd name="connsiteX1" fmla="*/ 7049 w 14097"/>
                  <a:gd name="connsiteY1" fmla="*/ 14099 h 14099"/>
                  <a:gd name="connsiteX2" fmla="*/ 0 w 14097"/>
                  <a:gd name="connsiteY2" fmla="*/ 7051 h 14099"/>
                  <a:gd name="connsiteX3" fmla="*/ 7049 w 14097"/>
                  <a:gd name="connsiteY3" fmla="*/ 2 h 14099"/>
                  <a:gd name="connsiteX4" fmla="*/ 14097 w 14097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7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84" name="Freeform: Shape 183">
                <a:extLst>
                  <a:ext uri="{FF2B5EF4-FFF2-40B4-BE49-F238E27FC236}">
                    <a16:creationId xmlns:a16="http://schemas.microsoft.com/office/drawing/2014/main" id="{CA567F32-881E-43C4-BBB0-CDDAFDD276A3}"/>
                  </a:ext>
                </a:extLst>
              </p:cNvPr>
              <p:cNvSpPr/>
              <p:nvPr/>
            </p:nvSpPr>
            <p:spPr>
              <a:xfrm>
                <a:off x="6207622" y="3777419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85" name="Freeform: Shape 184">
                <a:extLst>
                  <a:ext uri="{FF2B5EF4-FFF2-40B4-BE49-F238E27FC236}">
                    <a16:creationId xmlns:a16="http://schemas.microsoft.com/office/drawing/2014/main" id="{D1E4C6D4-84CE-4DDC-AC0F-FEDBD9A4BC7B}"/>
                  </a:ext>
                </a:extLst>
              </p:cNvPr>
              <p:cNvSpPr/>
              <p:nvPr/>
            </p:nvSpPr>
            <p:spPr>
              <a:xfrm>
                <a:off x="6266868" y="3777419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9 w 14096"/>
                  <a:gd name="connsiteY1" fmla="*/ 14099 h 14099"/>
                  <a:gd name="connsiteX2" fmla="*/ 0 w 14096"/>
                  <a:gd name="connsiteY2" fmla="*/ 7051 h 14099"/>
                  <a:gd name="connsiteX3" fmla="*/ 7049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9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9" y="2"/>
                    </a:cubicBezTo>
                    <a:cubicBezTo>
                      <a:pt x="10859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86" name="Freeform: Shape 185">
                <a:extLst>
                  <a:ext uri="{FF2B5EF4-FFF2-40B4-BE49-F238E27FC236}">
                    <a16:creationId xmlns:a16="http://schemas.microsoft.com/office/drawing/2014/main" id="{0A2F5831-8F83-4A7E-8185-CA727AF7CAA1}"/>
                  </a:ext>
                </a:extLst>
              </p:cNvPr>
              <p:cNvSpPr/>
              <p:nvPr/>
            </p:nvSpPr>
            <p:spPr>
              <a:xfrm>
                <a:off x="6326024" y="3777383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954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87" name="Freeform: Shape 186">
                <a:extLst>
                  <a:ext uri="{FF2B5EF4-FFF2-40B4-BE49-F238E27FC236}">
                    <a16:creationId xmlns:a16="http://schemas.microsoft.com/office/drawing/2014/main" id="{33B1C91A-AFEE-4375-83C7-8C346ECB6CB6}"/>
                  </a:ext>
                </a:extLst>
              </p:cNvPr>
              <p:cNvSpPr/>
              <p:nvPr/>
            </p:nvSpPr>
            <p:spPr>
              <a:xfrm>
                <a:off x="6385287" y="3777429"/>
                <a:ext cx="14096" cy="14099"/>
              </a:xfrm>
              <a:custGeom>
                <a:avLst/>
                <a:gdLst>
                  <a:gd name="connsiteX0" fmla="*/ 14097 w 14096"/>
                  <a:gd name="connsiteY0" fmla="*/ 7051 h 14099"/>
                  <a:gd name="connsiteX1" fmla="*/ 7048 w 14096"/>
                  <a:gd name="connsiteY1" fmla="*/ 14099 h 14099"/>
                  <a:gd name="connsiteX2" fmla="*/ 0 w 14096"/>
                  <a:gd name="connsiteY2" fmla="*/ 7051 h 14099"/>
                  <a:gd name="connsiteX3" fmla="*/ 7048 w 14096"/>
                  <a:gd name="connsiteY3" fmla="*/ 2 h 14099"/>
                  <a:gd name="connsiteX4" fmla="*/ 14097 w 14096"/>
                  <a:gd name="connsiteY4" fmla="*/ 7051 h 14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9">
                    <a:moveTo>
                      <a:pt x="14097" y="7051"/>
                    </a:moveTo>
                    <a:cubicBezTo>
                      <a:pt x="14097" y="10956"/>
                      <a:pt x="10954" y="14099"/>
                      <a:pt x="7048" y="14099"/>
                    </a:cubicBezTo>
                    <a:cubicBezTo>
                      <a:pt x="3143" y="14099"/>
                      <a:pt x="0" y="10956"/>
                      <a:pt x="0" y="7051"/>
                    </a:cubicBezTo>
                    <a:cubicBezTo>
                      <a:pt x="0" y="3145"/>
                      <a:pt x="3143" y="2"/>
                      <a:pt x="7048" y="2"/>
                    </a:cubicBezTo>
                    <a:cubicBezTo>
                      <a:pt x="10858" y="-93"/>
                      <a:pt x="14097" y="3145"/>
                      <a:pt x="14097" y="705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  <p:sp>
            <p:nvSpPr>
              <p:cNvPr id="188" name="Freeform: Shape 187">
                <a:extLst>
                  <a:ext uri="{FF2B5EF4-FFF2-40B4-BE49-F238E27FC236}">
                    <a16:creationId xmlns:a16="http://schemas.microsoft.com/office/drawing/2014/main" id="{8F328456-0E85-48D3-820F-81CCF861C7C0}"/>
                  </a:ext>
                </a:extLst>
              </p:cNvPr>
              <p:cNvSpPr/>
              <p:nvPr/>
            </p:nvSpPr>
            <p:spPr>
              <a:xfrm>
                <a:off x="6444424" y="3777424"/>
                <a:ext cx="14096" cy="14096"/>
              </a:xfrm>
              <a:custGeom>
                <a:avLst/>
                <a:gdLst>
                  <a:gd name="connsiteX0" fmla="*/ 14097 w 14096"/>
                  <a:gd name="connsiteY0" fmla="*/ 7048 h 14096"/>
                  <a:gd name="connsiteX1" fmla="*/ 7048 w 14096"/>
                  <a:gd name="connsiteY1" fmla="*/ 14097 h 14096"/>
                  <a:gd name="connsiteX2" fmla="*/ 0 w 14096"/>
                  <a:gd name="connsiteY2" fmla="*/ 7048 h 14096"/>
                  <a:gd name="connsiteX3" fmla="*/ 7048 w 14096"/>
                  <a:gd name="connsiteY3" fmla="*/ 0 h 14096"/>
                  <a:gd name="connsiteX4" fmla="*/ 14097 w 14096"/>
                  <a:gd name="connsiteY4" fmla="*/ 7048 h 140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96" h="14096">
                    <a:moveTo>
                      <a:pt x="14097" y="7048"/>
                    </a:moveTo>
                    <a:cubicBezTo>
                      <a:pt x="14097" y="10941"/>
                      <a:pt x="10941" y="14097"/>
                      <a:pt x="7048" y="14097"/>
                    </a:cubicBezTo>
                    <a:cubicBezTo>
                      <a:pt x="3156" y="14097"/>
                      <a:pt x="0" y="10941"/>
                      <a:pt x="0" y="7048"/>
                    </a:cubicBezTo>
                    <a:cubicBezTo>
                      <a:pt x="0" y="3156"/>
                      <a:pt x="3156" y="0"/>
                      <a:pt x="7048" y="0"/>
                    </a:cubicBezTo>
                    <a:cubicBezTo>
                      <a:pt x="10941" y="0"/>
                      <a:pt x="14097" y="3156"/>
                      <a:pt x="14097" y="704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ource Sans Pro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7459654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me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4" name="Graphic 4">
            <a:extLst>
              <a:ext uri="{FF2B5EF4-FFF2-40B4-BE49-F238E27FC236}">
                <a16:creationId xmlns:a16="http://schemas.microsoft.com/office/drawing/2014/main" id="{F6919F4A-127D-4827-9E80-D8662425CC1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10510458" y="477557"/>
            <a:ext cx="975170" cy="975170"/>
            <a:chOff x="5829300" y="3162300"/>
            <a:chExt cx="532257" cy="532257"/>
          </a:xfrm>
          <a:solidFill>
            <a:schemeClr val="tx1"/>
          </a:solidFill>
        </p:grpSpPr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E4F0C362-E345-4C93-8DBC-55525E213FE2}"/>
                </a:ext>
              </a:extLst>
            </p:cNvPr>
            <p:cNvSpPr/>
            <p:nvPr/>
          </p:nvSpPr>
          <p:spPr>
            <a:xfrm>
              <a:off x="5859208" y="3192208"/>
              <a:ext cx="112966" cy="112966"/>
            </a:xfrm>
            <a:custGeom>
              <a:avLst/>
              <a:gdLst>
                <a:gd name="connsiteX0" fmla="*/ 112967 w 112966"/>
                <a:gd name="connsiteY0" fmla="*/ 0 h 112966"/>
                <a:gd name="connsiteX1" fmla="*/ 0 w 112966"/>
                <a:gd name="connsiteY1" fmla="*/ 112967 h 112966"/>
                <a:gd name="connsiteX2" fmla="*/ 112967 w 112966"/>
                <a:gd name="connsiteY2" fmla="*/ 0 h 1129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12966" h="112966">
                  <a:moveTo>
                    <a:pt x="112967" y="0"/>
                  </a:moveTo>
                  <a:lnTo>
                    <a:pt x="0" y="112967"/>
                  </a:lnTo>
                  <a:cubicBezTo>
                    <a:pt x="25356" y="64747"/>
                    <a:pt x="64747" y="25356"/>
                    <a:pt x="112967" y="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246589FF-4A9D-484E-95B0-A0C39A326BFF}"/>
                </a:ext>
              </a:extLst>
            </p:cNvPr>
            <p:cNvSpPr/>
            <p:nvPr/>
          </p:nvSpPr>
          <p:spPr>
            <a:xfrm>
              <a:off x="5831205" y="3164205"/>
              <a:ext cx="230314" cy="230314"/>
            </a:xfrm>
            <a:custGeom>
              <a:avLst/>
              <a:gdLst>
                <a:gd name="connsiteX0" fmla="*/ 230314 w 230314"/>
                <a:gd name="connsiteY0" fmla="*/ 0 h 230314"/>
                <a:gd name="connsiteX1" fmla="*/ 0 w 230314"/>
                <a:gd name="connsiteY1" fmla="*/ 230314 h 230314"/>
                <a:gd name="connsiteX2" fmla="*/ 3524 w 230314"/>
                <a:gd name="connsiteY2" fmla="*/ 209550 h 230314"/>
                <a:gd name="connsiteX3" fmla="*/ 209550 w 230314"/>
                <a:gd name="connsiteY3" fmla="*/ 3524 h 230314"/>
                <a:gd name="connsiteX4" fmla="*/ 230314 w 230314"/>
                <a:gd name="connsiteY4" fmla="*/ 0 h 2303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0314" h="230314">
                  <a:moveTo>
                    <a:pt x="230314" y="0"/>
                  </a:moveTo>
                  <a:lnTo>
                    <a:pt x="0" y="230314"/>
                  </a:lnTo>
                  <a:cubicBezTo>
                    <a:pt x="953" y="223361"/>
                    <a:pt x="2095" y="216408"/>
                    <a:pt x="3524" y="209550"/>
                  </a:cubicBezTo>
                  <a:lnTo>
                    <a:pt x="209550" y="3524"/>
                  </a:lnTo>
                  <a:cubicBezTo>
                    <a:pt x="216408" y="2095"/>
                    <a:pt x="223361" y="953"/>
                    <a:pt x="230314" y="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CCC09BAE-0430-4149-BDEC-23DD9C37ACC2}"/>
                </a:ext>
              </a:extLst>
            </p:cNvPr>
            <p:cNvSpPr/>
            <p:nvPr/>
          </p:nvSpPr>
          <p:spPr>
            <a:xfrm>
              <a:off x="5829300" y="3162300"/>
              <a:ext cx="294131" cy="294131"/>
            </a:xfrm>
            <a:custGeom>
              <a:avLst/>
              <a:gdLst>
                <a:gd name="connsiteX0" fmla="*/ 294132 w 294131"/>
                <a:gd name="connsiteY0" fmla="*/ 1238 h 294131"/>
                <a:gd name="connsiteX1" fmla="*/ 1238 w 294131"/>
                <a:gd name="connsiteY1" fmla="*/ 294132 h 294131"/>
                <a:gd name="connsiteX2" fmla="*/ 0 w 294131"/>
                <a:gd name="connsiteY2" fmla="*/ 278225 h 294131"/>
                <a:gd name="connsiteX3" fmla="*/ 278225 w 294131"/>
                <a:gd name="connsiteY3" fmla="*/ 0 h 294131"/>
                <a:gd name="connsiteX4" fmla="*/ 294132 w 294131"/>
                <a:gd name="connsiteY4" fmla="*/ 1238 h 2941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94131" h="294131">
                  <a:moveTo>
                    <a:pt x="294132" y="1238"/>
                  </a:moveTo>
                  <a:lnTo>
                    <a:pt x="1238" y="294132"/>
                  </a:lnTo>
                  <a:cubicBezTo>
                    <a:pt x="667" y="288893"/>
                    <a:pt x="0" y="283559"/>
                    <a:pt x="0" y="278225"/>
                  </a:cubicBezTo>
                  <a:lnTo>
                    <a:pt x="278225" y="0"/>
                  </a:lnTo>
                  <a:cubicBezTo>
                    <a:pt x="283559" y="0"/>
                    <a:pt x="288893" y="667"/>
                    <a:pt x="294132" y="123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4F6CC180-FC7F-4A8E-BACC-034FD0C68CA9}"/>
                </a:ext>
              </a:extLst>
            </p:cNvPr>
            <p:cNvSpPr/>
            <p:nvPr/>
          </p:nvSpPr>
          <p:spPr>
            <a:xfrm>
              <a:off x="5837205" y="3170110"/>
              <a:ext cx="337184" cy="337280"/>
            </a:xfrm>
            <a:custGeom>
              <a:avLst/>
              <a:gdLst>
                <a:gd name="connsiteX0" fmla="*/ 337185 w 337184"/>
                <a:gd name="connsiteY0" fmla="*/ 3905 h 337280"/>
                <a:gd name="connsiteX1" fmla="*/ 3810 w 337184"/>
                <a:gd name="connsiteY1" fmla="*/ 337280 h 337280"/>
                <a:gd name="connsiteX2" fmla="*/ 0 w 337184"/>
                <a:gd name="connsiteY2" fmla="*/ 323850 h 337280"/>
                <a:gd name="connsiteX3" fmla="*/ 323850 w 337184"/>
                <a:gd name="connsiteY3" fmla="*/ 0 h 337280"/>
                <a:gd name="connsiteX4" fmla="*/ 337185 w 337184"/>
                <a:gd name="connsiteY4" fmla="*/ 3905 h 3372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184" h="337280">
                  <a:moveTo>
                    <a:pt x="337185" y="3905"/>
                  </a:moveTo>
                  <a:lnTo>
                    <a:pt x="3810" y="337280"/>
                  </a:lnTo>
                  <a:cubicBezTo>
                    <a:pt x="2381" y="332899"/>
                    <a:pt x="1143" y="328422"/>
                    <a:pt x="0" y="323850"/>
                  </a:cubicBezTo>
                  <a:lnTo>
                    <a:pt x="323850" y="0"/>
                  </a:lnTo>
                  <a:cubicBezTo>
                    <a:pt x="328327" y="1715"/>
                    <a:pt x="332804" y="2477"/>
                    <a:pt x="337185" y="3905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137FFAD-2383-4411-A9CD-B0DCBF8452F9}"/>
                </a:ext>
              </a:extLst>
            </p:cNvPr>
            <p:cNvSpPr/>
            <p:nvPr/>
          </p:nvSpPr>
          <p:spPr>
            <a:xfrm>
              <a:off x="5853207" y="3186207"/>
              <a:ext cx="364617" cy="364617"/>
            </a:xfrm>
            <a:custGeom>
              <a:avLst/>
              <a:gdLst>
                <a:gd name="connsiteX0" fmla="*/ 364617 w 364617"/>
                <a:gd name="connsiteY0" fmla="*/ 5620 h 364617"/>
                <a:gd name="connsiteX1" fmla="*/ 5620 w 364617"/>
                <a:gd name="connsiteY1" fmla="*/ 364617 h 364617"/>
                <a:gd name="connsiteX2" fmla="*/ 0 w 364617"/>
                <a:gd name="connsiteY2" fmla="*/ 353187 h 364617"/>
                <a:gd name="connsiteX3" fmla="*/ 353187 w 364617"/>
                <a:gd name="connsiteY3" fmla="*/ 0 h 364617"/>
                <a:gd name="connsiteX4" fmla="*/ 364617 w 364617"/>
                <a:gd name="connsiteY4" fmla="*/ 5620 h 3646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64617" h="364617">
                  <a:moveTo>
                    <a:pt x="364617" y="5620"/>
                  </a:moveTo>
                  <a:lnTo>
                    <a:pt x="5620" y="364617"/>
                  </a:lnTo>
                  <a:cubicBezTo>
                    <a:pt x="3620" y="360902"/>
                    <a:pt x="1715" y="357092"/>
                    <a:pt x="0" y="353187"/>
                  </a:cubicBezTo>
                  <a:lnTo>
                    <a:pt x="353187" y="0"/>
                  </a:lnTo>
                  <a:cubicBezTo>
                    <a:pt x="357092" y="1715"/>
                    <a:pt x="360902" y="3715"/>
                    <a:pt x="364617" y="562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6F7ADA10-97E6-406B-955B-4DF941688C55}"/>
                </a:ext>
              </a:extLst>
            </p:cNvPr>
            <p:cNvSpPr/>
            <p:nvPr/>
          </p:nvSpPr>
          <p:spPr>
            <a:xfrm>
              <a:off x="5875305" y="3208305"/>
              <a:ext cx="380238" cy="380238"/>
            </a:xfrm>
            <a:custGeom>
              <a:avLst/>
              <a:gdLst>
                <a:gd name="connsiteX0" fmla="*/ 380238 w 380238"/>
                <a:gd name="connsiteY0" fmla="*/ 7239 h 380238"/>
                <a:gd name="connsiteX1" fmla="*/ 7239 w 380238"/>
                <a:gd name="connsiteY1" fmla="*/ 380238 h 380238"/>
                <a:gd name="connsiteX2" fmla="*/ 0 w 380238"/>
                <a:gd name="connsiteY2" fmla="*/ 370713 h 380238"/>
                <a:gd name="connsiteX3" fmla="*/ 370237 w 380238"/>
                <a:gd name="connsiteY3" fmla="*/ 0 h 380238"/>
                <a:gd name="connsiteX4" fmla="*/ 380238 w 380238"/>
                <a:gd name="connsiteY4" fmla="*/ 7239 h 3802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0238" h="380238">
                  <a:moveTo>
                    <a:pt x="380238" y="7239"/>
                  </a:moveTo>
                  <a:lnTo>
                    <a:pt x="7239" y="380238"/>
                  </a:lnTo>
                  <a:cubicBezTo>
                    <a:pt x="4763" y="377000"/>
                    <a:pt x="2381" y="373571"/>
                    <a:pt x="0" y="370713"/>
                  </a:cubicBezTo>
                  <a:lnTo>
                    <a:pt x="370237" y="0"/>
                  </a:lnTo>
                  <a:cubicBezTo>
                    <a:pt x="373571" y="2381"/>
                    <a:pt x="377000" y="4763"/>
                    <a:pt x="380238" y="723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E5ED4958-089A-40EE-BEF8-D2DA3283FE41}"/>
                </a:ext>
              </a:extLst>
            </p:cNvPr>
            <p:cNvSpPr/>
            <p:nvPr/>
          </p:nvSpPr>
          <p:spPr>
            <a:xfrm>
              <a:off x="5902832" y="3235832"/>
              <a:ext cx="385191" cy="385191"/>
            </a:xfrm>
            <a:custGeom>
              <a:avLst/>
              <a:gdLst>
                <a:gd name="connsiteX0" fmla="*/ 380905 w 385191"/>
                <a:gd name="connsiteY0" fmla="*/ 4286 h 385191"/>
                <a:gd name="connsiteX1" fmla="*/ 385191 w 385191"/>
                <a:gd name="connsiteY1" fmla="*/ 8573 h 385191"/>
                <a:gd name="connsiteX2" fmla="*/ 8573 w 385191"/>
                <a:gd name="connsiteY2" fmla="*/ 385191 h 385191"/>
                <a:gd name="connsiteX3" fmla="*/ 4286 w 385191"/>
                <a:gd name="connsiteY3" fmla="*/ 380905 h 385191"/>
                <a:gd name="connsiteX4" fmla="*/ 0 w 385191"/>
                <a:gd name="connsiteY4" fmla="*/ 376523 h 385191"/>
                <a:gd name="connsiteX5" fmla="*/ 376523 w 385191"/>
                <a:gd name="connsiteY5" fmla="*/ 0 h 385191"/>
                <a:gd name="connsiteX6" fmla="*/ 380905 w 385191"/>
                <a:gd name="connsiteY6" fmla="*/ 4286 h 3851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85191" h="385191">
                  <a:moveTo>
                    <a:pt x="380905" y="4286"/>
                  </a:moveTo>
                  <a:lnTo>
                    <a:pt x="385191" y="8573"/>
                  </a:lnTo>
                  <a:lnTo>
                    <a:pt x="8573" y="385191"/>
                  </a:lnTo>
                  <a:lnTo>
                    <a:pt x="4286" y="380905"/>
                  </a:lnTo>
                  <a:cubicBezTo>
                    <a:pt x="2762" y="379476"/>
                    <a:pt x="1334" y="377952"/>
                    <a:pt x="0" y="376523"/>
                  </a:cubicBezTo>
                  <a:lnTo>
                    <a:pt x="376523" y="0"/>
                  </a:lnTo>
                  <a:cubicBezTo>
                    <a:pt x="377952" y="1334"/>
                    <a:pt x="379476" y="2667"/>
                    <a:pt x="380905" y="4286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6BBC70D8-0977-4E3E-BDCC-5DB32F534597}"/>
                </a:ext>
              </a:extLst>
            </p:cNvPr>
            <p:cNvSpPr/>
            <p:nvPr/>
          </p:nvSpPr>
          <p:spPr>
            <a:xfrm>
              <a:off x="5935789" y="3268313"/>
              <a:ext cx="379761" cy="380237"/>
            </a:xfrm>
            <a:custGeom>
              <a:avLst/>
              <a:gdLst>
                <a:gd name="connsiteX0" fmla="*/ 372428 w 379761"/>
                <a:gd name="connsiteY0" fmla="*/ 0 h 380237"/>
                <a:gd name="connsiteX1" fmla="*/ 379762 w 379761"/>
                <a:gd name="connsiteY1" fmla="*/ 9525 h 380237"/>
                <a:gd name="connsiteX2" fmla="*/ 9525 w 379761"/>
                <a:gd name="connsiteY2" fmla="*/ 380238 h 380237"/>
                <a:gd name="connsiteX3" fmla="*/ 0 w 379761"/>
                <a:gd name="connsiteY3" fmla="*/ 372904 h 3802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79761" h="380237">
                  <a:moveTo>
                    <a:pt x="372428" y="0"/>
                  </a:moveTo>
                  <a:cubicBezTo>
                    <a:pt x="374999" y="3239"/>
                    <a:pt x="377381" y="6572"/>
                    <a:pt x="379762" y="9525"/>
                  </a:cubicBezTo>
                  <a:lnTo>
                    <a:pt x="9525" y="380238"/>
                  </a:lnTo>
                  <a:cubicBezTo>
                    <a:pt x="6096" y="377857"/>
                    <a:pt x="2762" y="375476"/>
                    <a:pt x="0" y="372904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22F37D25-C4FD-4978-AE31-636891A33D69}"/>
                </a:ext>
              </a:extLst>
            </p:cNvPr>
            <p:cNvSpPr/>
            <p:nvPr/>
          </p:nvSpPr>
          <p:spPr>
            <a:xfrm>
              <a:off x="5972841" y="3305841"/>
              <a:ext cx="364807" cy="364807"/>
            </a:xfrm>
            <a:custGeom>
              <a:avLst/>
              <a:gdLst>
                <a:gd name="connsiteX0" fmla="*/ 359188 w 364807"/>
                <a:gd name="connsiteY0" fmla="*/ 0 h 364807"/>
                <a:gd name="connsiteX1" fmla="*/ 364808 w 364807"/>
                <a:gd name="connsiteY1" fmla="*/ 11621 h 364807"/>
                <a:gd name="connsiteX2" fmla="*/ 11621 w 364807"/>
                <a:gd name="connsiteY2" fmla="*/ 364808 h 364807"/>
                <a:gd name="connsiteX3" fmla="*/ 0 w 364807"/>
                <a:gd name="connsiteY3" fmla="*/ 359188 h 3648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64807" h="364807">
                  <a:moveTo>
                    <a:pt x="359188" y="0"/>
                  </a:moveTo>
                  <a:cubicBezTo>
                    <a:pt x="361188" y="3905"/>
                    <a:pt x="362998" y="7715"/>
                    <a:pt x="364808" y="11621"/>
                  </a:cubicBezTo>
                  <a:lnTo>
                    <a:pt x="11621" y="364808"/>
                  </a:lnTo>
                  <a:cubicBezTo>
                    <a:pt x="7715" y="362998"/>
                    <a:pt x="3905" y="361188"/>
                    <a:pt x="0" y="35918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42DD3606-BA69-4959-9335-377E9AA120FF}"/>
                </a:ext>
              </a:extLst>
            </p:cNvPr>
            <p:cNvSpPr/>
            <p:nvPr/>
          </p:nvSpPr>
          <p:spPr>
            <a:xfrm>
              <a:off x="6016370" y="3349466"/>
              <a:ext cx="337280" cy="337280"/>
            </a:xfrm>
            <a:custGeom>
              <a:avLst/>
              <a:gdLst>
                <a:gd name="connsiteX0" fmla="*/ 333470 w 337280"/>
                <a:gd name="connsiteY0" fmla="*/ 0 h 337280"/>
                <a:gd name="connsiteX1" fmla="*/ 337280 w 337280"/>
                <a:gd name="connsiteY1" fmla="*/ 13430 h 337280"/>
                <a:gd name="connsiteX2" fmla="*/ 13430 w 337280"/>
                <a:gd name="connsiteY2" fmla="*/ 337280 h 337280"/>
                <a:gd name="connsiteX3" fmla="*/ 0 w 337280"/>
                <a:gd name="connsiteY3" fmla="*/ 333470 h 3372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37280" h="337280">
                  <a:moveTo>
                    <a:pt x="333470" y="0"/>
                  </a:moveTo>
                  <a:cubicBezTo>
                    <a:pt x="334899" y="4382"/>
                    <a:pt x="336137" y="8858"/>
                    <a:pt x="337280" y="13430"/>
                  </a:cubicBezTo>
                  <a:lnTo>
                    <a:pt x="13430" y="337280"/>
                  </a:lnTo>
                  <a:cubicBezTo>
                    <a:pt x="8858" y="336137"/>
                    <a:pt x="4382" y="334899"/>
                    <a:pt x="0" y="33347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F5B11ABC-F37E-4946-9A7B-90D363182626}"/>
                </a:ext>
              </a:extLst>
            </p:cNvPr>
            <p:cNvSpPr/>
            <p:nvPr/>
          </p:nvSpPr>
          <p:spPr>
            <a:xfrm>
              <a:off x="6067329" y="3400425"/>
              <a:ext cx="294227" cy="294132"/>
            </a:xfrm>
            <a:custGeom>
              <a:avLst/>
              <a:gdLst>
                <a:gd name="connsiteX0" fmla="*/ 292989 w 294227"/>
                <a:gd name="connsiteY0" fmla="*/ 0 h 294132"/>
                <a:gd name="connsiteX1" fmla="*/ 294227 w 294227"/>
                <a:gd name="connsiteY1" fmla="*/ 15907 h 294132"/>
                <a:gd name="connsiteX2" fmla="*/ 15907 w 294227"/>
                <a:gd name="connsiteY2" fmla="*/ 294132 h 294132"/>
                <a:gd name="connsiteX3" fmla="*/ 0 w 294227"/>
                <a:gd name="connsiteY3" fmla="*/ 292894 h 2941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94227" h="294132">
                  <a:moveTo>
                    <a:pt x="292989" y="0"/>
                  </a:moveTo>
                  <a:cubicBezTo>
                    <a:pt x="293561" y="5334"/>
                    <a:pt x="293942" y="10668"/>
                    <a:pt x="294227" y="15907"/>
                  </a:cubicBezTo>
                  <a:lnTo>
                    <a:pt x="15907" y="294132"/>
                  </a:lnTo>
                  <a:cubicBezTo>
                    <a:pt x="10668" y="294132"/>
                    <a:pt x="5334" y="293465"/>
                    <a:pt x="0" y="292894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D86B1D23-2F36-4086-9CF7-D76D833D2282}"/>
                </a:ext>
              </a:extLst>
            </p:cNvPr>
            <p:cNvSpPr/>
            <p:nvPr/>
          </p:nvSpPr>
          <p:spPr>
            <a:xfrm>
              <a:off x="6129337" y="3462337"/>
              <a:ext cx="230314" cy="230314"/>
            </a:xfrm>
            <a:custGeom>
              <a:avLst/>
              <a:gdLst>
                <a:gd name="connsiteX0" fmla="*/ 230315 w 230314"/>
                <a:gd name="connsiteY0" fmla="*/ 0 h 230314"/>
                <a:gd name="connsiteX1" fmla="*/ 226886 w 230314"/>
                <a:gd name="connsiteY1" fmla="*/ 20574 h 230314"/>
                <a:gd name="connsiteX2" fmla="*/ 20669 w 230314"/>
                <a:gd name="connsiteY2" fmla="*/ 226790 h 230314"/>
                <a:gd name="connsiteX3" fmla="*/ 0 w 230314"/>
                <a:gd name="connsiteY3" fmla="*/ 230315 h 2303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30314" h="230314">
                  <a:moveTo>
                    <a:pt x="230315" y="0"/>
                  </a:moveTo>
                  <a:cubicBezTo>
                    <a:pt x="229457" y="6953"/>
                    <a:pt x="228314" y="13716"/>
                    <a:pt x="226886" y="20574"/>
                  </a:cubicBezTo>
                  <a:lnTo>
                    <a:pt x="20669" y="226790"/>
                  </a:lnTo>
                  <a:cubicBezTo>
                    <a:pt x="13811" y="228314"/>
                    <a:pt x="6953" y="229457"/>
                    <a:pt x="0" y="230315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A3AE423B-5BB8-454B-B2D6-85AE6185C587}"/>
                </a:ext>
              </a:extLst>
            </p:cNvPr>
            <p:cNvSpPr/>
            <p:nvPr/>
          </p:nvSpPr>
          <p:spPr>
            <a:xfrm>
              <a:off x="6218682" y="3551682"/>
              <a:ext cx="112871" cy="112871"/>
            </a:xfrm>
            <a:custGeom>
              <a:avLst/>
              <a:gdLst>
                <a:gd name="connsiteX0" fmla="*/ 112871 w 112871"/>
                <a:gd name="connsiteY0" fmla="*/ 0 h 112871"/>
                <a:gd name="connsiteX1" fmla="*/ 0 w 112871"/>
                <a:gd name="connsiteY1" fmla="*/ 112871 h 1128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12871" h="112871">
                  <a:moveTo>
                    <a:pt x="112871" y="0"/>
                  </a:moveTo>
                  <a:cubicBezTo>
                    <a:pt x="87618" y="48239"/>
                    <a:pt x="48239" y="87618"/>
                    <a:pt x="0" y="11287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</p:grpSp>
      <p:grpSp>
        <p:nvGrpSpPr>
          <p:cNvPr id="52" name="Group 51">
            <a:extLst>
              <a:ext uri="{FF2B5EF4-FFF2-40B4-BE49-F238E27FC236}">
                <a16:creationId xmlns:a16="http://schemas.microsoft.com/office/drawing/2014/main" id="{3BF87D25-4424-40BA-B114-A4FB8BDFE84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0" y="681037"/>
            <a:ext cx="1170294" cy="709661"/>
            <a:chOff x="0" y="681037"/>
            <a:chExt cx="1170294" cy="709661"/>
          </a:xfrm>
        </p:grpSpPr>
        <p:sp>
          <p:nvSpPr>
            <p:cNvPr id="53" name="Freeform: Shape 52">
              <a:extLst>
                <a:ext uri="{FF2B5EF4-FFF2-40B4-BE49-F238E27FC236}">
                  <a16:creationId xmlns:a16="http://schemas.microsoft.com/office/drawing/2014/main" id="{B567477D-2972-4718-B0A2-9FC97531B87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 userDrawn="1"/>
          </p:nvSpPr>
          <p:spPr>
            <a:xfrm>
              <a:off x="0" y="681037"/>
              <a:ext cx="1170294" cy="274629"/>
            </a:xfrm>
            <a:custGeom>
              <a:avLst/>
              <a:gdLst>
                <a:gd name="connsiteX0" fmla="*/ 453342 w 1170294"/>
                <a:gd name="connsiteY0" fmla="*/ 0 h 274629"/>
                <a:gd name="connsiteX1" fmla="*/ 689085 w 1170294"/>
                <a:gd name="connsiteY1" fmla="*/ 235744 h 274629"/>
                <a:gd name="connsiteX2" fmla="*/ 924829 w 1170294"/>
                <a:gd name="connsiteY2" fmla="*/ 0 h 274629"/>
                <a:gd name="connsiteX3" fmla="*/ 1170294 w 1170294"/>
                <a:gd name="connsiteY3" fmla="*/ 245465 h 274629"/>
                <a:gd name="connsiteX4" fmla="*/ 1153282 w 1170294"/>
                <a:gd name="connsiteY4" fmla="*/ 264908 h 274629"/>
                <a:gd name="connsiteX5" fmla="*/ 924829 w 1170294"/>
                <a:gd name="connsiteY5" fmla="*/ 38885 h 274629"/>
                <a:gd name="connsiteX6" fmla="*/ 689085 w 1170294"/>
                <a:gd name="connsiteY6" fmla="*/ 274629 h 274629"/>
                <a:gd name="connsiteX7" fmla="*/ 453342 w 1170294"/>
                <a:gd name="connsiteY7" fmla="*/ 38885 h 274629"/>
                <a:gd name="connsiteX8" fmla="*/ 215168 w 1170294"/>
                <a:gd name="connsiteY8" fmla="*/ 274629 h 274629"/>
                <a:gd name="connsiteX9" fmla="*/ 0 w 1170294"/>
                <a:gd name="connsiteY9" fmla="*/ 59462 h 274629"/>
                <a:gd name="connsiteX10" fmla="*/ 0 w 1170294"/>
                <a:gd name="connsiteY10" fmla="*/ 20577 h 274629"/>
                <a:gd name="connsiteX11" fmla="*/ 215168 w 1170294"/>
                <a:gd name="connsiteY11" fmla="*/ 235744 h 27462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170294" h="274629">
                  <a:moveTo>
                    <a:pt x="453342" y="0"/>
                  </a:moveTo>
                  <a:lnTo>
                    <a:pt x="689085" y="235744"/>
                  </a:lnTo>
                  <a:lnTo>
                    <a:pt x="924829" y="0"/>
                  </a:lnTo>
                  <a:lnTo>
                    <a:pt x="1170294" y="245465"/>
                  </a:lnTo>
                  <a:lnTo>
                    <a:pt x="1153282" y="264908"/>
                  </a:lnTo>
                  <a:lnTo>
                    <a:pt x="924829" y="38885"/>
                  </a:lnTo>
                  <a:lnTo>
                    <a:pt x="689085" y="274629"/>
                  </a:lnTo>
                  <a:lnTo>
                    <a:pt x="453342" y="38885"/>
                  </a:lnTo>
                  <a:lnTo>
                    <a:pt x="215168" y="274629"/>
                  </a:lnTo>
                  <a:lnTo>
                    <a:pt x="0" y="59462"/>
                  </a:lnTo>
                  <a:lnTo>
                    <a:pt x="0" y="20577"/>
                  </a:lnTo>
                  <a:lnTo>
                    <a:pt x="215168" y="235744"/>
                  </a:lnTo>
                  <a:close/>
                </a:path>
              </a:pathLst>
            </a:custGeom>
            <a:solidFill>
              <a:schemeClr val="tx1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sp>
          <p:nvSpPr>
            <p:cNvPr id="54" name="Freeform: Shape 53">
              <a:extLst>
                <a:ext uri="{FF2B5EF4-FFF2-40B4-BE49-F238E27FC236}">
                  <a16:creationId xmlns:a16="http://schemas.microsoft.com/office/drawing/2014/main" id="{52D08859-301B-4802-95D8-B8A552752B9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 userDrawn="1"/>
          </p:nvSpPr>
          <p:spPr>
            <a:xfrm>
              <a:off x="0" y="1116069"/>
              <a:ext cx="1170294" cy="274629"/>
            </a:xfrm>
            <a:custGeom>
              <a:avLst/>
              <a:gdLst>
                <a:gd name="connsiteX0" fmla="*/ 453342 w 1170294"/>
                <a:gd name="connsiteY0" fmla="*/ 0 h 274629"/>
                <a:gd name="connsiteX1" fmla="*/ 689085 w 1170294"/>
                <a:gd name="connsiteY1" fmla="*/ 238174 h 274629"/>
                <a:gd name="connsiteX2" fmla="*/ 924829 w 1170294"/>
                <a:gd name="connsiteY2" fmla="*/ 0 h 274629"/>
                <a:gd name="connsiteX3" fmla="*/ 1170294 w 1170294"/>
                <a:gd name="connsiteY3" fmla="*/ 247895 h 274629"/>
                <a:gd name="connsiteX4" fmla="*/ 1153282 w 1170294"/>
                <a:gd name="connsiteY4" fmla="*/ 264908 h 274629"/>
                <a:gd name="connsiteX5" fmla="*/ 924829 w 1170294"/>
                <a:gd name="connsiteY5" fmla="*/ 38885 h 274629"/>
                <a:gd name="connsiteX6" fmla="*/ 689085 w 1170294"/>
                <a:gd name="connsiteY6" fmla="*/ 274629 h 274629"/>
                <a:gd name="connsiteX7" fmla="*/ 453342 w 1170294"/>
                <a:gd name="connsiteY7" fmla="*/ 38885 h 274629"/>
                <a:gd name="connsiteX8" fmla="*/ 215168 w 1170294"/>
                <a:gd name="connsiteY8" fmla="*/ 274629 h 274629"/>
                <a:gd name="connsiteX9" fmla="*/ 0 w 1170294"/>
                <a:gd name="connsiteY9" fmla="*/ 59462 h 274629"/>
                <a:gd name="connsiteX10" fmla="*/ 0 w 1170294"/>
                <a:gd name="connsiteY10" fmla="*/ 20789 h 274629"/>
                <a:gd name="connsiteX11" fmla="*/ 215168 w 1170294"/>
                <a:gd name="connsiteY11" fmla="*/ 238174 h 27462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170294" h="274629">
                  <a:moveTo>
                    <a:pt x="453342" y="0"/>
                  </a:moveTo>
                  <a:lnTo>
                    <a:pt x="689085" y="238174"/>
                  </a:lnTo>
                  <a:lnTo>
                    <a:pt x="924829" y="0"/>
                  </a:lnTo>
                  <a:lnTo>
                    <a:pt x="1170294" y="247895"/>
                  </a:lnTo>
                  <a:lnTo>
                    <a:pt x="1153282" y="264908"/>
                  </a:lnTo>
                  <a:lnTo>
                    <a:pt x="924829" y="38885"/>
                  </a:lnTo>
                  <a:lnTo>
                    <a:pt x="689085" y="274629"/>
                  </a:lnTo>
                  <a:lnTo>
                    <a:pt x="453342" y="38885"/>
                  </a:lnTo>
                  <a:lnTo>
                    <a:pt x="215168" y="274629"/>
                  </a:lnTo>
                  <a:lnTo>
                    <a:pt x="0" y="59462"/>
                  </a:lnTo>
                  <a:lnTo>
                    <a:pt x="0" y="20789"/>
                  </a:lnTo>
                  <a:lnTo>
                    <a:pt x="215168" y="238174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</p:grpSp>
      <p:sp>
        <p:nvSpPr>
          <p:cNvPr id="48" name="Title 1">
            <a:extLst>
              <a:ext uri="{FF2B5EF4-FFF2-40B4-BE49-F238E27FC236}">
                <a16:creationId xmlns:a16="http://schemas.microsoft.com/office/drawing/2014/main" id="{430ADD3E-99CC-43CF-9A97-D44AA54C5F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31088" y="565739"/>
            <a:ext cx="9745883" cy="11249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9" name="Date Placeholder 10">
            <a:extLst>
              <a:ext uri="{FF2B5EF4-FFF2-40B4-BE49-F238E27FC236}">
                <a16:creationId xmlns:a16="http://schemas.microsoft.com/office/drawing/2014/main" id="{8C8B246A-7ACC-4517-903D-35509488E52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all" spc="100" normalizeH="0" baseline="0" noProof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Source Sans Pro"/>
                <a:cs typeface="+mn-cs"/>
              </a:rPr>
              <a:t>2/1/20XX</a:t>
            </a:r>
            <a:endParaRPr kumimoji="0" lang="en-US" sz="1200" b="1" i="0" u="none" strike="noStrike" kern="1200" cap="all" spc="10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Source Sans Pro"/>
              <a:cs typeface="+mn-cs"/>
            </a:endParaRPr>
          </a:p>
        </p:txBody>
      </p:sp>
      <p:sp>
        <p:nvSpPr>
          <p:cNvPr id="50" name="Footer Placeholder 11">
            <a:extLst>
              <a:ext uri="{FF2B5EF4-FFF2-40B4-BE49-F238E27FC236}">
                <a16:creationId xmlns:a16="http://schemas.microsoft.com/office/drawing/2014/main" id="{C75AD95D-76DC-4BCD-8AFB-35B7DB2D7F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</p:spPr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all" spc="100" normalizeH="0" baseline="0" noProof="0" dirty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Source Sans Pro"/>
                <a:cs typeface="+mn-cs"/>
              </a:rPr>
              <a:t>PRESENTATION TITLE</a:t>
            </a:r>
          </a:p>
        </p:txBody>
      </p:sp>
      <p:sp>
        <p:nvSpPr>
          <p:cNvPr id="51" name="Slide Number Placeholder 12">
            <a:extLst>
              <a:ext uri="{FF2B5EF4-FFF2-40B4-BE49-F238E27FC236}">
                <a16:creationId xmlns:a16="http://schemas.microsoft.com/office/drawing/2014/main" id="{65BB740A-80ED-48DA-B622-9643EFA230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967E29-1480-472A-9FC5-C4768A52587C}" type="slidenum">
              <a:rPr kumimoji="0" lang="en-US" sz="1200" b="1" i="0" u="none" strike="noStrike" kern="1200" cap="all" spc="10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Source Sans Pro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1" i="0" u="none" strike="noStrike" kern="1200" cap="all" spc="10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Source Sans Pro"/>
              <a:cs typeface="+mn-cs"/>
            </a:endParaRPr>
          </a:p>
        </p:txBody>
      </p:sp>
      <p:sp>
        <p:nvSpPr>
          <p:cNvPr id="2" name="Oval 1">
            <a:extLst>
              <a:ext uri="{FF2B5EF4-FFF2-40B4-BE49-F238E27FC236}">
                <a16:creationId xmlns:a16="http://schemas.microsoft.com/office/drawing/2014/main" id="{7F7C86B6-604E-4B54-A07B-F9BB80F8727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11559544" y="5991329"/>
            <a:ext cx="365021" cy="365021"/>
          </a:xfrm>
          <a:prstGeom prst="ellipse">
            <a:avLst/>
          </a:prstGeom>
          <a:solidFill>
            <a:schemeClr val="accent1">
              <a:alpha val="20000"/>
            </a:schemeClr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545315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27634641"/>
      </p:ext>
    </p:extLst>
  </p:cSld>
  <p:clrMapOvr>
    <a:masterClrMapping/>
  </p:clrMapOvr>
  <p:hf hdr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8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5322841"/>
      </p:ext>
    </p:extLst>
  </p:cSld>
  <p:clrMapOvr>
    <a:masterClrMapping/>
  </p:clrMapOvr>
  <p:hf hdr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9" y="1845734"/>
            <a:ext cx="49377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7920" y="1845735"/>
            <a:ext cx="49377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67069929"/>
      </p:ext>
    </p:extLst>
  </p:cSld>
  <p:clrMapOvr>
    <a:masterClrMapping/>
  </p:clrMapOvr>
  <p:hf hdr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9289871"/>
      </p:ext>
    </p:extLst>
  </p:cSld>
  <p:clrMapOvr>
    <a:masterClrMapping/>
  </p:clrMapOvr>
  <p:hf hdr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6582405"/>
      </p:ext>
    </p:extLst>
  </p:cSld>
  <p:clrMapOvr>
    <a:masterClrMapping/>
  </p:clrMapOvr>
  <p:hf hdr="0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1509210"/>
      </p:ext>
    </p:extLst>
  </p:cSld>
  <p:clrMapOvr>
    <a:masterClrMapping/>
  </p:clrMapOvr>
  <p:hf hdr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6" y="0"/>
            <a:ext cx="4050791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4040071" y="0"/>
            <a:ext cx="6400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94359"/>
            <a:ext cx="32004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00600" y="731520"/>
            <a:ext cx="6492240" cy="52578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2926080"/>
            <a:ext cx="32004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65512" y="6459785"/>
            <a:ext cx="2618510" cy="365125"/>
          </a:xfrm>
        </p:spPr>
        <p:txBody>
          <a:bodyPr/>
          <a:lstStyle>
            <a:lvl1pPr algn="l">
              <a:defRPr/>
            </a:lvl1pPr>
          </a:lstStyle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800600" y="6459785"/>
            <a:ext cx="464820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22086657"/>
      </p:ext>
    </p:extLst>
  </p:cSld>
  <p:clrMapOvr>
    <a:masterClrMapping/>
  </p:clrMapOvr>
  <p:hf hdr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4953000"/>
            <a:ext cx="12188825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5" y="491507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5074920"/>
            <a:ext cx="10113264" cy="822960"/>
          </a:xfrm>
        </p:spPr>
        <p:txBody>
          <a:bodyPr lIns="91440" tIns="0" rIns="9144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5" y="0"/>
            <a:ext cx="12191985" cy="4915076"/>
          </a:xfrm>
          <a:blipFill>
            <a:blip r:embed="rId2"/>
            <a:stretch>
              <a:fillRect/>
            </a:stretch>
          </a:blipFill>
        </p:spPr>
        <p:txBody>
          <a:bodyPr lIns="457200" tIns="457200"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7280" y="5907023"/>
            <a:ext cx="10113264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9121778"/>
      </p:ext>
    </p:extLst>
  </p:cSld>
  <p:clrMapOvr>
    <a:masterClrMapping/>
  </p:clrMapOvr>
  <p:hf hdr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0" y="6334316"/>
            <a:ext cx="12192001" cy="659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0" y="6459785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r>
              <a:rPr lang="en-US"/>
              <a:t>2/1/20XX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5" y="6459785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58" y="6459785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FFFFFF"/>
                </a:solidFill>
              </a:defRPr>
            </a:lvl1pPr>
          </a:lstStyle>
          <a:p>
            <a:fld id="{5EA792F7-1D9E-4C7E-A103-E8EDFDC2691E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1193532" y="1737845"/>
            <a:ext cx="996696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194175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6" r:id="rId1"/>
    <p:sldLayoutId id="2147483677" r:id="rId2"/>
    <p:sldLayoutId id="2147483678" r:id="rId3"/>
    <p:sldLayoutId id="2147483679" r:id="rId4"/>
    <p:sldLayoutId id="2147483680" r:id="rId5"/>
    <p:sldLayoutId id="2147483681" r:id="rId6"/>
    <p:sldLayoutId id="2147483682" r:id="rId7"/>
    <p:sldLayoutId id="2147483683" r:id="rId8"/>
    <p:sldLayoutId id="2147483684" r:id="rId9"/>
    <p:sldLayoutId id="2147483685" r:id="rId10"/>
    <p:sldLayoutId id="2147483686" r:id="rId11"/>
    <p:sldLayoutId id="2147483687" r:id="rId12"/>
    <p:sldLayoutId id="2147483688" r:id="rId13"/>
    <p:sldLayoutId id="2147483689" r:id="rId14"/>
    <p:sldLayoutId id="2147483695" r:id="rId15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4800" kern="1200" spc="-50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8.png"/></Relationships>
</file>

<file path=ppt/slides/_rels/slide11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.xml"/><Relationship Id="rId3" Type="http://schemas.openxmlformats.org/officeDocument/2006/relationships/image" Target="../media/image2.jpg"/><Relationship Id="rId7" Type="http://schemas.openxmlformats.org/officeDocument/2006/relationships/diagramColors" Target="../diagrams/colors2.xm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4.xml"/><Relationship Id="rId6" Type="http://schemas.openxmlformats.org/officeDocument/2006/relationships/diagramQuickStyle" Target="../diagrams/quickStyle2.xml"/><Relationship Id="rId5" Type="http://schemas.openxmlformats.org/officeDocument/2006/relationships/diagramLayout" Target="../diagrams/layout2.xml"/><Relationship Id="rId4" Type="http://schemas.openxmlformats.org/officeDocument/2006/relationships/diagramData" Target="../diagrams/data2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jpg"/><Relationship Id="rId13" Type="http://schemas.microsoft.com/office/2007/relationships/diagramDrawing" Target="../diagrams/drawing4.xml"/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12" Type="http://schemas.openxmlformats.org/officeDocument/2006/relationships/diagramColors" Target="../diagrams/colors4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4.xml"/><Relationship Id="rId6" Type="http://schemas.openxmlformats.org/officeDocument/2006/relationships/diagramColors" Target="../diagrams/colors3.xml"/><Relationship Id="rId11" Type="http://schemas.openxmlformats.org/officeDocument/2006/relationships/diagramQuickStyle" Target="../diagrams/quickStyle4.xml"/><Relationship Id="rId5" Type="http://schemas.openxmlformats.org/officeDocument/2006/relationships/diagramQuickStyle" Target="../diagrams/quickStyle3.xml"/><Relationship Id="rId10" Type="http://schemas.openxmlformats.org/officeDocument/2006/relationships/diagramLayout" Target="../diagrams/layout4.xml"/><Relationship Id="rId4" Type="http://schemas.openxmlformats.org/officeDocument/2006/relationships/diagramLayout" Target="../diagrams/layout3.xml"/><Relationship Id="rId9" Type="http://schemas.openxmlformats.org/officeDocument/2006/relationships/diagramData" Target="../diagrams/data4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2.jpg"/><Relationship Id="rId7" Type="http://schemas.openxmlformats.org/officeDocument/2006/relationships/image" Target="../media/image17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16.png"/><Relationship Id="rId5" Type="http://schemas.openxmlformats.org/officeDocument/2006/relationships/customXml" Target="../ink/ink1.xml"/><Relationship Id="rId4" Type="http://schemas.openxmlformats.org/officeDocument/2006/relationships/image" Target="../media/image15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19.png"/><Relationship Id="rId5" Type="http://schemas.openxmlformats.org/officeDocument/2006/relationships/image" Target="../media/image16.png"/><Relationship Id="rId4" Type="http://schemas.openxmlformats.org/officeDocument/2006/relationships/customXml" Target="../ink/ink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20.png"/><Relationship Id="rId5" Type="http://schemas.openxmlformats.org/officeDocument/2006/relationships/image" Target="../media/image16.png"/><Relationship Id="rId4" Type="http://schemas.openxmlformats.org/officeDocument/2006/relationships/customXml" Target="../ink/ink3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image" Target="../media/image2.jpg"/><Relationship Id="rId7" Type="http://schemas.openxmlformats.org/officeDocument/2006/relationships/image" Target="../media/image22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21.png"/><Relationship Id="rId5" Type="http://schemas.openxmlformats.org/officeDocument/2006/relationships/image" Target="../media/image16.png"/><Relationship Id="rId4" Type="http://schemas.openxmlformats.org/officeDocument/2006/relationships/customXml" Target="../ink/ink4.xml"/><Relationship Id="rId9" Type="http://schemas.openxmlformats.org/officeDocument/2006/relationships/image" Target="../media/image24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4.xml"/><Relationship Id="rId6" Type="http://schemas.openxmlformats.org/officeDocument/2006/relationships/hyperlink" Target="https://pr.to/F9IW3U/" TargetMode="External"/><Relationship Id="rId5" Type="http://schemas.openxmlformats.org/officeDocument/2006/relationships/image" Target="../media/image16.png"/><Relationship Id="rId4" Type="http://schemas.openxmlformats.org/officeDocument/2006/relationships/customXml" Target="../ink/ink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4.xml"/><Relationship Id="rId6" Type="http://schemas.openxmlformats.org/officeDocument/2006/relationships/hyperlink" Target="https://medium.com/@anthembranding_boulder/3-target-audiences-to-market-your-meal-delivery-service-to-" TargetMode="External"/><Relationship Id="rId5" Type="http://schemas.openxmlformats.org/officeDocument/2006/relationships/image" Target="../media/image16.png"/><Relationship Id="rId4" Type="http://schemas.openxmlformats.org/officeDocument/2006/relationships/customXml" Target="../ink/ink6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7" Type="http://schemas.openxmlformats.org/officeDocument/2006/relationships/hyperlink" Target="https://pixabay.com/en/thank-you-animated-character-3006975/" TargetMode="Externa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25.png"/><Relationship Id="rId5" Type="http://schemas.openxmlformats.org/officeDocument/2006/relationships/image" Target="../media/image16.png"/><Relationship Id="rId4" Type="http://schemas.openxmlformats.org/officeDocument/2006/relationships/customXml" Target="../ink/ink7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3" Type="http://schemas.openxmlformats.org/officeDocument/2006/relationships/image" Target="../media/image3.jpg"/><Relationship Id="rId7" Type="http://schemas.openxmlformats.org/officeDocument/2006/relationships/diagramQuickStyle" Target="../diagrams/quickStyle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3.xml"/><Relationship Id="rId6" Type="http://schemas.openxmlformats.org/officeDocument/2006/relationships/diagramLayout" Target="../diagrams/layout1.xml"/><Relationship Id="rId5" Type="http://schemas.openxmlformats.org/officeDocument/2006/relationships/diagramData" Target="../diagrams/data1.xml"/><Relationship Id="rId10" Type="http://schemas.openxmlformats.org/officeDocument/2006/relationships/image" Target="../media/image2.jpg"/><Relationship Id="rId4" Type="http://schemas.openxmlformats.org/officeDocument/2006/relationships/hyperlink" Target="https://www.vector-eps.com/creative-business-content-vectors/" TargetMode="External"/><Relationship Id="rId9" Type="http://schemas.microsoft.com/office/2007/relationships/diagramDrawing" Target="../diagrams/drawing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g"/><Relationship Id="rId7" Type="http://schemas.openxmlformats.org/officeDocument/2006/relationships/image" Target="../media/image16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4.xml"/><Relationship Id="rId6" Type="http://schemas.openxmlformats.org/officeDocument/2006/relationships/customXml" Target="../ink/ink8.xml"/><Relationship Id="rId5" Type="http://schemas.openxmlformats.org/officeDocument/2006/relationships/image" Target="../media/image2.jpg"/><Relationship Id="rId4" Type="http://schemas.openxmlformats.org/officeDocument/2006/relationships/hyperlink" Target="https://askleo.com/what-is-facebook-fan-friday/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notesSlide" Target="../notesSlides/notesSlide5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image" Target="../media/image2.jp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slideLayout" Target="../slideLayouts/slideLayout15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4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jpg"/><Relationship Id="rId3" Type="http://schemas.openxmlformats.org/officeDocument/2006/relationships/image" Target="../media/image2.jpg"/><Relationship Id="rId7" Type="http://schemas.openxmlformats.org/officeDocument/2006/relationships/hyperlink" Target="http://www.finsmes.com/2018/09/grubhub-closes-390m-acquisition-of-levelup.html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5.jpe"/><Relationship Id="rId5" Type="http://schemas.openxmlformats.org/officeDocument/2006/relationships/hyperlink" Target="https://en.wikipedia.org/wiki/UberEATS" TargetMode="External"/><Relationship Id="rId10" Type="http://schemas.openxmlformats.org/officeDocument/2006/relationships/image" Target="../media/image7.png"/><Relationship Id="rId4" Type="http://schemas.openxmlformats.org/officeDocument/2006/relationships/image" Target="../media/image4.jpg"/><Relationship Id="rId9" Type="http://schemas.openxmlformats.org/officeDocument/2006/relationships/hyperlink" Target="http://www.finsmes.com/2018/03/doordash-raises-535m-in-series-d-funding.html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98FAA6A0-3530-43C4-9A28-E83E3E2FC30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04293" y="2485819"/>
            <a:ext cx="6505536" cy="590107"/>
          </a:xfrm>
        </p:spPr>
        <p:txBody>
          <a:bodyPr vert="horz" lIns="91440" tIns="45720" rIns="91440" bIns="45720" rtlCol="0" anchor="b">
            <a:normAutofit fontScale="90000"/>
          </a:bodyPr>
          <a:lstStyle/>
          <a:p>
            <a:r>
              <a:rPr lang="en-US" sz="4000" cap="all" dirty="0">
                <a:solidFill>
                  <a:schemeClr val="tx1"/>
                </a:solidFill>
                <a:ea typeface="Source Sans Pro SemiBold" panose="020B0603030403020204" pitchFamily="34" charset="0"/>
              </a:rPr>
              <a:t>Home Foods</a:t>
            </a:r>
          </a:p>
        </p:txBody>
      </p:sp>
      <p:sp>
        <p:nvSpPr>
          <p:cNvPr id="81" name="Subtitle 80">
            <a:extLst>
              <a:ext uri="{FF2B5EF4-FFF2-40B4-BE49-F238E27FC236}">
                <a16:creationId xmlns:a16="http://schemas.microsoft.com/office/drawing/2014/main" id="{3F9E8A38-46A0-49FF-8F72-481E44F49E3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2953921" y="4181780"/>
            <a:ext cx="3624471" cy="811604"/>
          </a:xfrm>
        </p:spPr>
        <p:txBody>
          <a:bodyPr vert="horz" lIns="91440" tIns="45720" rIns="91440" bIns="45720" rtlCol="0">
            <a:normAutofit/>
          </a:bodyPr>
          <a:lstStyle/>
          <a:p>
            <a:pPr marL="0" indent="0"/>
            <a:r>
              <a:rPr lang="en-US" cap="all" dirty="0">
                <a:solidFill>
                  <a:schemeClr val="tx1"/>
                </a:solidFill>
              </a:rPr>
              <a:t>-Anjan Khatri</a:t>
            </a:r>
          </a:p>
        </p:txBody>
      </p:sp>
      <p:pic>
        <p:nvPicPr>
          <p:cNvPr id="7" name="Picture Placeholder 6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38FB2E1F-9B7B-42B1-BCE6-A1C9A4464591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/>
          <a:srcRect/>
          <a:stretch/>
        </p:blipFill>
        <p:spPr>
          <a:xfrm>
            <a:off x="7976063" y="433097"/>
            <a:ext cx="3511644" cy="3748683"/>
          </a:xfrm>
          <a:custGeom>
            <a:avLst/>
            <a:gdLst/>
            <a:ahLst/>
            <a:cxnLst/>
            <a:rect l="l" t="t" r="r" b="b"/>
            <a:pathLst>
              <a:path w="2813056" h="2813056">
                <a:moveTo>
                  <a:pt x="1406528" y="0"/>
                </a:moveTo>
                <a:cubicBezTo>
                  <a:pt x="2183332" y="0"/>
                  <a:pt x="2813056" y="629724"/>
                  <a:pt x="2813056" y="1406528"/>
                </a:cubicBezTo>
                <a:cubicBezTo>
                  <a:pt x="2813056" y="2183332"/>
                  <a:pt x="2183332" y="2813056"/>
                  <a:pt x="1406528" y="2813056"/>
                </a:cubicBezTo>
                <a:cubicBezTo>
                  <a:pt x="629724" y="2813056"/>
                  <a:pt x="0" y="2183332"/>
                  <a:pt x="0" y="1406528"/>
                </a:cubicBezTo>
                <a:cubicBezTo>
                  <a:pt x="0" y="629724"/>
                  <a:pt x="629724" y="0"/>
                  <a:pt x="1406528" y="0"/>
                </a:cubicBezTo>
                <a:close/>
              </a:path>
            </a:pathLst>
          </a:cu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7FE634BE-CE7D-412D-AEEE-524B841439CF}"/>
              </a:ext>
            </a:extLst>
          </p:cNvPr>
          <p:cNvSpPr txBox="1"/>
          <p:nvPr/>
        </p:nvSpPr>
        <p:spPr>
          <a:xfrm>
            <a:off x="3436314" y="3100742"/>
            <a:ext cx="26596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Business plan and design</a:t>
            </a:r>
          </a:p>
        </p:txBody>
      </p:sp>
    </p:spTree>
    <p:extLst>
      <p:ext uri="{BB962C8B-B14F-4D97-AF65-F5344CB8AC3E}">
        <p14:creationId xmlns:p14="http://schemas.microsoft.com/office/powerpoint/2010/main" val="88813137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133" y="922789"/>
            <a:ext cx="6951235" cy="883488"/>
          </a:xfrm>
        </p:spPr>
        <p:txBody>
          <a:bodyPr>
            <a:norm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8. Customer Acquisition Model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10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53808" y="33090"/>
            <a:ext cx="1716320" cy="161403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AE155E9-C63C-41FC-BC8F-86078521805C}"/>
              </a:ext>
            </a:extLst>
          </p:cNvPr>
          <p:cNvPicPr/>
          <p:nvPr/>
        </p:nvPicPr>
        <p:blipFill>
          <a:blip r:embed="rId4"/>
          <a:stretch>
            <a:fillRect/>
          </a:stretch>
        </p:blipFill>
        <p:spPr>
          <a:xfrm>
            <a:off x="453831" y="1952704"/>
            <a:ext cx="5391070" cy="3827311"/>
          </a:xfrm>
          <a:prstGeom prst="rect">
            <a:avLst/>
          </a:prstGeom>
        </p:spPr>
      </p:pic>
      <p:sp>
        <p:nvSpPr>
          <p:cNvPr id="8" name="Content Placeholder 9">
            <a:extLst>
              <a:ext uri="{FF2B5EF4-FFF2-40B4-BE49-F238E27FC236}">
                <a16:creationId xmlns:a16="http://schemas.microsoft.com/office/drawing/2014/main" id="{85A8B59E-48AC-4BB8-9F25-D4F6CE4A147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23171" y="2399845"/>
            <a:ext cx="3700783" cy="2933028"/>
          </a:xfrm>
        </p:spPr>
        <p:txBody>
          <a:bodyPr>
            <a:no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ublic outreach</a:t>
            </a:r>
          </a:p>
          <a:p>
            <a:pPr marL="726948" lvl="1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keting based on survey</a:t>
            </a:r>
          </a:p>
          <a:p>
            <a:pPr marL="726948" lvl="1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ocial media market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ales</a:t>
            </a:r>
          </a:p>
          <a:p>
            <a:pPr marL="726948" lvl="1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ffective distribution includes free service</a:t>
            </a:r>
          </a:p>
          <a:p>
            <a:pPr marL="726948" lvl="1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ntent strategies focused on targeted audience</a:t>
            </a:r>
          </a:p>
          <a:p>
            <a:pPr marL="726948" lvl="1" indent="-342900">
              <a:buFont typeface="Arial" panose="020B0604020202020204" pitchFamily="34" charset="0"/>
              <a:buChar char="•"/>
            </a:pPr>
            <a:endParaRPr lang="en-US" sz="20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8440809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Rectangle 35">
            <a:extLst>
              <a:ext uri="{FF2B5EF4-FFF2-40B4-BE49-F238E27FC236}">
                <a16:creationId xmlns:a16="http://schemas.microsoft.com/office/drawing/2014/main" id="{7D379150-F6B4-45C8-BE10-6B278AD400E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5FFCF544-A370-4A5D-A95F-CA6E0E7191E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6334316"/>
            <a:ext cx="12192001" cy="659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6EEB3B97-A638-498B-8083-54191CE71E0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93532" y="1737845"/>
            <a:ext cx="996696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6733" y="316580"/>
            <a:ext cx="10058400" cy="1450757"/>
          </a:xfrm>
        </p:spPr>
        <p:txBody>
          <a:bodyPr vert="horz" lIns="91440" tIns="45720" rIns="91440" bIns="45720" rtlCol="0" anchor="b">
            <a:norm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9. Brand Voice</a:t>
            </a:r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08989" y="218204"/>
            <a:ext cx="1851415" cy="1450756"/>
          </a:xfrm>
          <a:prstGeom prst="rect">
            <a:avLst/>
          </a:prstGeom>
        </p:spPr>
      </p:pic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3686185" y="6459785"/>
            <a:ext cx="4822804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914400">
              <a:spcAft>
                <a:spcPts val="600"/>
              </a:spcAft>
            </a:pPr>
            <a:r>
              <a:rPr lang="en-US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rPr>
              <a:t>Home Foods</a:t>
            </a: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9900458" y="6459785"/>
            <a:ext cx="1312025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914400">
              <a:spcAft>
                <a:spcPts val="600"/>
              </a:spcAft>
            </a:pPr>
            <a:fld id="{5EA792F7-1D9E-4C7E-A103-E8EDFDC2691E}" type="slidenum">
              <a:rPr lang="en-US" smtClean="0"/>
              <a:pPr defTabSz="914400">
                <a:spcAft>
                  <a:spcPts val="600"/>
                </a:spcAft>
              </a:pPr>
              <a:t>11</a:t>
            </a:fld>
            <a:endParaRPr lang="en-US"/>
          </a:p>
        </p:txBody>
      </p:sp>
      <p:graphicFrame>
        <p:nvGraphicFramePr>
          <p:cNvPr id="22" name="Content Placeholder 3">
            <a:extLst>
              <a:ext uri="{FF2B5EF4-FFF2-40B4-BE49-F238E27FC236}">
                <a16:creationId xmlns:a16="http://schemas.microsoft.com/office/drawing/2014/main" id="{DA56F1A4-14F7-434B-9941-C3708FE7441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42978782"/>
              </p:ext>
            </p:extLst>
          </p:nvPr>
        </p:nvGraphicFramePr>
        <p:xfrm>
          <a:off x="1097281" y="1987420"/>
          <a:ext cx="10058399" cy="388167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  <p:extLst>
      <p:ext uri="{BB962C8B-B14F-4D97-AF65-F5344CB8AC3E}">
        <p14:creationId xmlns:p14="http://schemas.microsoft.com/office/powerpoint/2010/main" val="350015619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2065" y="441538"/>
            <a:ext cx="6245664" cy="1288673"/>
          </a:xfrm>
        </p:spPr>
        <p:txBody>
          <a:bodyPr>
            <a:no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0. Requirement Analysis</a:t>
            </a:r>
          </a:p>
        </p:txBody>
      </p:sp>
      <p:graphicFrame>
        <p:nvGraphicFramePr>
          <p:cNvPr id="29" name="Content Placeholder 24">
            <a:extLst>
              <a:ext uri="{FF2B5EF4-FFF2-40B4-BE49-F238E27FC236}">
                <a16:creationId xmlns:a16="http://schemas.microsoft.com/office/drawing/2014/main" id="{C77E8279-BA6A-48A8-889F-35F3759A368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712870169"/>
              </p:ext>
            </p:extLst>
          </p:nvPr>
        </p:nvGraphicFramePr>
        <p:xfrm>
          <a:off x="1224133" y="1831821"/>
          <a:ext cx="4136432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15" name="Picture Placeholder 14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CEBFC5B6-2B89-4FC5-B90C-F0CAB74B9DD8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8"/>
          <a:srcRect t="14390" b="14390"/>
          <a:stretch/>
        </p:blipFill>
        <p:spPr>
          <a:xfrm>
            <a:off x="8607105" y="242808"/>
            <a:ext cx="1803634" cy="1368655"/>
          </a:xfrm>
        </p:spPr>
      </p:pic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27" name="Content Placeholder 24">
            <a:extLst>
              <a:ext uri="{FF2B5EF4-FFF2-40B4-BE49-F238E27FC236}">
                <a16:creationId xmlns:a16="http://schemas.microsoft.com/office/drawing/2014/main" id="{4D2EBEE9-392D-4EFC-9FA3-02A1A7914EA3}"/>
              </a:ext>
            </a:extLst>
          </p:cNvPr>
          <p:cNvSpPr txBox="1">
            <a:spLocks/>
          </p:cNvSpPr>
          <p:nvPr/>
        </p:nvSpPr>
        <p:spPr>
          <a:xfrm>
            <a:off x="8986732" y="1778888"/>
            <a:ext cx="3415518" cy="4243418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Tx/>
              <a:buNone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algn="l" rtl="0" eaLnBrk="1" fontAlgn="t" latinLnBrk="0" hangingPunct="1">
              <a:lnSpc>
                <a:spcPct val="200000"/>
              </a:lnSpc>
              <a:spcBef>
                <a:spcPts val="0"/>
              </a:spcBef>
              <a:spcAft>
                <a:spcPts val="0"/>
              </a:spcAft>
            </a:pPr>
            <a:endParaRPr lang="en-US" sz="1800" i="0" u="none" strike="noStrike" dirty="0"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graphicFrame>
        <p:nvGraphicFramePr>
          <p:cNvPr id="30" name="Content Placeholder 24">
            <a:extLst>
              <a:ext uri="{FF2B5EF4-FFF2-40B4-BE49-F238E27FC236}">
                <a16:creationId xmlns:a16="http://schemas.microsoft.com/office/drawing/2014/main" id="{66D855F0-73B9-4C5E-8BE6-C3F86B4A83C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719915752"/>
              </p:ext>
            </p:extLst>
          </p:nvPr>
        </p:nvGraphicFramePr>
        <p:xfrm>
          <a:off x="7079459" y="1838131"/>
          <a:ext cx="3477011" cy="424341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9" r:lo="rId10" r:qs="rId11" r:cs="rId12"/>
          </a:graphicData>
        </a:graphic>
      </p:graphicFrame>
    </p:spTree>
    <p:extLst>
      <p:ext uri="{BB962C8B-B14F-4D97-AF65-F5344CB8AC3E}">
        <p14:creationId xmlns:p14="http://schemas.microsoft.com/office/powerpoint/2010/main" val="115345696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523" y="798866"/>
            <a:ext cx="5596117" cy="966170"/>
          </a:xfrm>
        </p:spPr>
        <p:txBody>
          <a:bodyPr>
            <a:norm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1. Case Diagram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53808" y="33090"/>
            <a:ext cx="1867322" cy="1614034"/>
          </a:xfrm>
          <a:prstGeom prst="rect">
            <a:avLst/>
          </a:prstGeom>
        </p:spPr>
      </p:pic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01B7219-70E3-4F63-BAB3-8F45953FBF7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089642" y="1877785"/>
            <a:ext cx="2543974" cy="4351338"/>
          </a:xfrm>
        </p:spPr>
        <p:txBody>
          <a:bodyPr/>
          <a:lstStyle/>
          <a:p>
            <a:r>
              <a:rPr lang="en-US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ser is the main Actor. </a:t>
            </a:r>
          </a:p>
          <a:p>
            <a:r>
              <a:rPr lang="en-US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	n    has a relation with  strongest association (composition)</a:t>
            </a:r>
          </a:p>
          <a:p>
            <a:r>
              <a:rPr lang="en-US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	         has a relation with strong bond (aggregation)</a:t>
            </a:r>
          </a:p>
          <a:p>
            <a:r>
              <a:rPr lang="en-US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0. n and 1 is many to one relation and vise versa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39E6B78-02F9-43FF-84DD-6E6BBA19D2C8}"/>
              </a:ext>
            </a:extLst>
          </p:cNvPr>
          <p:cNvPicPr/>
          <p:nvPr/>
        </p:nvPicPr>
        <p:blipFill>
          <a:blip r:embed="rId4"/>
          <a:stretch>
            <a:fillRect/>
          </a:stretch>
        </p:blipFill>
        <p:spPr>
          <a:xfrm>
            <a:off x="1174713" y="2012427"/>
            <a:ext cx="6215131" cy="3772551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14:cNvPr>
              <p14:cNvContentPartPr/>
              <p14:nvPr/>
            </p14:nvContentPartPr>
            <p14:xfrm>
              <a:off x="8907765" y="2240985"/>
              <a:ext cx="360" cy="36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8899125" y="2232345"/>
                <a:ext cx="18000" cy="18000"/>
              </a:xfrm>
              <a:prstGeom prst="rect">
                <a:avLst/>
              </a:prstGeom>
            </p:spPr>
          </p:pic>
        </mc:Fallback>
      </mc:AlternateContent>
      <p:pic>
        <p:nvPicPr>
          <p:cNvPr id="15" name="Picture 14">
            <a:extLst>
              <a:ext uri="{FF2B5EF4-FFF2-40B4-BE49-F238E27FC236}">
                <a16:creationId xmlns:a16="http://schemas.microsoft.com/office/drawing/2014/main" id="{68E04C8C-7E35-48A2-A2A7-4AE3BEE809A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089642" y="2321931"/>
            <a:ext cx="1166325" cy="311546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455F11CF-4118-46C1-8E81-499018E5617C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089642" y="3162300"/>
            <a:ext cx="1277031" cy="533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004502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523" y="798866"/>
            <a:ext cx="5596117" cy="966170"/>
          </a:xfrm>
        </p:spPr>
        <p:txBody>
          <a:bodyPr>
            <a:norm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2.  App user Flow Chart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53808" y="142612"/>
            <a:ext cx="1691153" cy="1504511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14:cNvPr>
              <p14:cNvContentPartPr/>
              <p14:nvPr/>
            </p14:nvContentPartPr>
            <p14:xfrm>
              <a:off x="8907765" y="2240985"/>
              <a:ext cx="360" cy="36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8898765" y="2231985"/>
                <a:ext cx="18000" cy="18000"/>
              </a:xfrm>
              <a:prstGeom prst="rect">
                <a:avLst/>
              </a:prstGeom>
            </p:spPr>
          </p:pic>
        </mc:Fallback>
      </mc:AlternateContent>
      <p:pic>
        <p:nvPicPr>
          <p:cNvPr id="12" name="Picture 11">
            <a:extLst>
              <a:ext uri="{FF2B5EF4-FFF2-40B4-BE49-F238E27FC236}">
                <a16:creationId xmlns:a16="http://schemas.microsoft.com/office/drawing/2014/main" id="{B19E9865-672A-4CCF-AB39-5C0E74B205B2}"/>
              </a:ext>
            </a:extLst>
          </p:cNvPr>
          <p:cNvPicPr/>
          <p:nvPr/>
        </p:nvPicPr>
        <p:blipFill>
          <a:blip r:embed="rId6"/>
          <a:stretch>
            <a:fillRect/>
          </a:stretch>
        </p:blipFill>
        <p:spPr>
          <a:xfrm>
            <a:off x="1917615" y="1922632"/>
            <a:ext cx="7452168" cy="39732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135786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522" y="798866"/>
            <a:ext cx="6867345" cy="966170"/>
          </a:xfrm>
        </p:spPr>
        <p:txBody>
          <a:bodyPr>
            <a:no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3. ER Diagram for Database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15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53808" y="33090"/>
            <a:ext cx="1665986" cy="1614034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14:cNvPr>
              <p14:cNvContentPartPr/>
              <p14:nvPr/>
            </p14:nvContentPartPr>
            <p14:xfrm>
              <a:off x="8907765" y="2240985"/>
              <a:ext cx="360" cy="36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8898765" y="2231985"/>
                <a:ext cx="18000" cy="18000"/>
              </a:xfrm>
              <a:prstGeom prst="rect">
                <a:avLst/>
              </a:prstGeom>
            </p:spPr>
          </p:pic>
        </mc:Fallback>
      </mc:AlternateContent>
      <p:pic>
        <p:nvPicPr>
          <p:cNvPr id="8" name="Picture 7">
            <a:extLst>
              <a:ext uri="{FF2B5EF4-FFF2-40B4-BE49-F238E27FC236}">
                <a16:creationId xmlns:a16="http://schemas.microsoft.com/office/drawing/2014/main" id="{E7FE4887-51A4-4D26-9F9B-7C7F0BBD8D01}"/>
              </a:ext>
            </a:extLst>
          </p:cNvPr>
          <p:cNvPicPr/>
          <p:nvPr/>
        </p:nvPicPr>
        <p:blipFill>
          <a:blip r:embed="rId6"/>
          <a:stretch>
            <a:fillRect/>
          </a:stretch>
        </p:blipFill>
        <p:spPr>
          <a:xfrm>
            <a:off x="1400736" y="1861390"/>
            <a:ext cx="9030888" cy="42940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025607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523" y="798866"/>
            <a:ext cx="6179448" cy="966170"/>
          </a:xfrm>
        </p:spPr>
        <p:txBody>
          <a:bodyPr>
            <a:norm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4. App Sample Prototype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16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53808" y="33090"/>
            <a:ext cx="1885950" cy="1614034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14:cNvPr>
              <p14:cNvContentPartPr/>
              <p14:nvPr/>
            </p14:nvContentPartPr>
            <p14:xfrm>
              <a:off x="8907765" y="2240985"/>
              <a:ext cx="360" cy="36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8898765" y="2231985"/>
                <a:ext cx="18000" cy="18000"/>
              </a:xfrm>
              <a:prstGeom prst="rect">
                <a:avLst/>
              </a:prstGeom>
            </p:spPr>
          </p:pic>
        </mc:Fallback>
      </mc:AlternateContent>
      <p:pic>
        <p:nvPicPr>
          <p:cNvPr id="4" name="Picture 3">
            <a:extLst>
              <a:ext uri="{FF2B5EF4-FFF2-40B4-BE49-F238E27FC236}">
                <a16:creationId xmlns:a16="http://schemas.microsoft.com/office/drawing/2014/main" id="{3AD99234-9529-475A-BE3C-53C1240174A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65968" y="1918167"/>
            <a:ext cx="2565885" cy="4385608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2E5E0ECC-BD6A-4027-B1A2-741288112D3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876439" y="1918165"/>
            <a:ext cx="2789330" cy="4381649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E7817E13-205A-4F0E-9550-535FB58B4875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750726" y="1918167"/>
            <a:ext cx="2590888" cy="4381649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504C20B3-A15B-4138-AD99-6D684547B4FD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931369" y="1918164"/>
            <a:ext cx="2902591" cy="43816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249369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8986" y="840107"/>
            <a:ext cx="6674398" cy="966170"/>
          </a:xfrm>
        </p:spPr>
        <p:txBody>
          <a:bodyPr>
            <a:no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5. Prototype demonstration 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17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53808" y="161190"/>
            <a:ext cx="1615653" cy="1485934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14:cNvPr>
              <p14:cNvContentPartPr/>
              <p14:nvPr/>
            </p14:nvContentPartPr>
            <p14:xfrm>
              <a:off x="8907765" y="2240985"/>
              <a:ext cx="360" cy="36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8898765" y="2231985"/>
                <a:ext cx="18000" cy="18000"/>
              </a:xfrm>
              <a:prstGeom prst="rect">
                <a:avLst/>
              </a:prstGeom>
            </p:spPr>
          </p:pic>
        </mc:Fallback>
      </mc:AlternateContent>
      <p:sp>
        <p:nvSpPr>
          <p:cNvPr id="13" name="TextBox 12">
            <a:extLst>
              <a:ext uri="{FF2B5EF4-FFF2-40B4-BE49-F238E27FC236}">
                <a16:creationId xmlns:a16="http://schemas.microsoft.com/office/drawing/2014/main" id="{D011A163-0E0C-45A7-8F12-C2B459735999}"/>
              </a:ext>
            </a:extLst>
          </p:cNvPr>
          <p:cNvSpPr txBox="1"/>
          <p:nvPr/>
        </p:nvSpPr>
        <p:spPr>
          <a:xfrm>
            <a:off x="5196682" y="3059668"/>
            <a:ext cx="241393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hlinkClick r:id="rId6" tooltip="Home Foods Prototype"/>
              </a:rPr>
              <a:t>Home Foods Prototyp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4634962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8986" y="840107"/>
            <a:ext cx="6674398" cy="966170"/>
          </a:xfrm>
        </p:spPr>
        <p:txBody>
          <a:bodyPr>
            <a:no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6. Reference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18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53808" y="92278"/>
            <a:ext cx="1665986" cy="1554845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14:cNvPr>
              <p14:cNvContentPartPr/>
              <p14:nvPr/>
            </p14:nvContentPartPr>
            <p14:xfrm>
              <a:off x="8907765" y="2240985"/>
              <a:ext cx="360" cy="36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8898765" y="2231985"/>
                <a:ext cx="18000" cy="18000"/>
              </a:xfrm>
              <a:prstGeom prst="rect">
                <a:avLst/>
              </a:prstGeom>
            </p:spPr>
          </p:pic>
        </mc:Fallback>
      </mc:AlternateContent>
      <p:sp>
        <p:nvSpPr>
          <p:cNvPr id="13" name="TextBox 12">
            <a:extLst>
              <a:ext uri="{FF2B5EF4-FFF2-40B4-BE49-F238E27FC236}">
                <a16:creationId xmlns:a16="http://schemas.microsoft.com/office/drawing/2014/main" id="{D011A163-0E0C-45A7-8F12-C2B459735999}"/>
              </a:ext>
            </a:extLst>
          </p:cNvPr>
          <p:cNvSpPr txBox="1"/>
          <p:nvPr/>
        </p:nvSpPr>
        <p:spPr>
          <a:xfrm>
            <a:off x="1542756" y="1825699"/>
            <a:ext cx="7872244" cy="39703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Baldwin, Daniela (Mar 13, 2018). 3 Target Audience to Market Your Meal Service To. Anthem	Branding. 	</a:t>
            </a:r>
            <a:r>
              <a:rPr lang="en-US" sz="1200" dirty="0">
                <a:hlinkClick r:id="rId6"/>
              </a:rPr>
              <a:t>https://medium.com/@anthembranding_boulder/3-target-audiences-to-market-your-meal-delivery-service-to-</a:t>
            </a:r>
            <a:r>
              <a:rPr lang="en-US" sz="1200" dirty="0"/>
              <a:t>	a4f18e353527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 err="1"/>
              <a:t>Basri</a:t>
            </a:r>
            <a:r>
              <a:rPr lang="en-US" sz="1200" dirty="0"/>
              <a:t>, Wael &amp; Siam, Mohammed. (2017). Maximizing the Social Media Potential for Small Businesses and Startups: A	Conceptual Study. International Journal of Economic Perspectives. 11. 241-245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Fletcher, A. C., &amp; </a:t>
            </a:r>
            <a:r>
              <a:rPr lang="en-US" sz="1200" dirty="0" err="1"/>
              <a:t>Bourne</a:t>
            </a:r>
            <a:r>
              <a:rPr lang="en-US" sz="1200" dirty="0"/>
              <a:t>, P. E. (2012). Ten simple rules for starting a company. </a:t>
            </a:r>
            <a:r>
              <a:rPr lang="en-US" sz="1200" dirty="0" err="1"/>
              <a:t>PLoS</a:t>
            </a:r>
            <a:r>
              <a:rPr lang="en-US" sz="1200" dirty="0"/>
              <a:t> computational biology, 8(3),	e1002439. https://doi.org/10.1371/journal.pcbi.1002439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Goetz, Stephan &amp; Fleming-Muñoz, David &amp; </a:t>
            </a:r>
            <a:r>
              <a:rPr lang="en-US" sz="1200" dirty="0" err="1"/>
              <a:t>Rupasingha</a:t>
            </a:r>
            <a:r>
              <a:rPr lang="en-US" sz="1200" dirty="0"/>
              <a:t>, Anil. (2012). The Economic Impacts	of self-Employment. Journal	of Agricultural and Applied Economics. 44. 10.1017/S1074070800000432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Li, C., </a:t>
            </a:r>
            <a:r>
              <a:rPr lang="en-US" sz="1200" dirty="0" err="1"/>
              <a:t>Mirosa</a:t>
            </a:r>
            <a:r>
              <a:rPr lang="en-US" sz="1200" dirty="0"/>
              <a:t>, M., &amp; Bremer, P. (2020). Review of Online Food Delivery Platforms and their Impacts of Sustainability. 	Sustainability, 12(14), 5528. MDPI AG. Retrieved from http://dx.doi.org/10.3390/su12145528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Mojica, I., Adams, B., Nagappan, M., </a:t>
            </a:r>
            <a:r>
              <a:rPr lang="en-US" sz="1200" dirty="0" err="1"/>
              <a:t>Dienst</a:t>
            </a:r>
            <a:r>
              <a:rPr lang="en-US" sz="1200" dirty="0"/>
              <a:t>, S., Berger, T., &amp; Hassan, A. (2014). A Large-Scale Empirical Study on Software 	Reuse in Mobile Apps. IEEE Software, 31(2), 78–86. https://doi.org/10.1109/MS.2013.142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Spaeder, K. E. (2019). Retrieved from How to Research Your Business Idea:				https://www.entrepreneur.com/article/70518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Starkey, A. (2010). e-Retail — Using home delivery as a service differentiator and strategic marketing tool. Journal of 	Direct, Data and Digital Marketing Practice, 12, 165-173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U.S. Small Business Administration: https://www.sba.gov/business-guide/launch-your				business/register-your-busines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YATES, D. (2015, July 1). Study: Restaurant meals can be as bad for your waistline as fast food	is. Illinois News Bureau. 	https://news.illinois.edu/view/6367/236713</a:t>
            </a:r>
          </a:p>
        </p:txBody>
      </p:sp>
    </p:spTree>
    <p:extLst>
      <p:ext uri="{BB962C8B-B14F-4D97-AF65-F5344CB8AC3E}">
        <p14:creationId xmlns:p14="http://schemas.microsoft.com/office/powerpoint/2010/main" val="66136111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19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53808" y="160110"/>
            <a:ext cx="1707571" cy="1487014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14:cNvPr>
              <p14:cNvContentPartPr/>
              <p14:nvPr/>
            </p14:nvContentPartPr>
            <p14:xfrm>
              <a:off x="8907765" y="2240985"/>
              <a:ext cx="360" cy="36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8898765" y="2231985"/>
                <a:ext cx="18000" cy="18000"/>
              </a:xfrm>
              <a:prstGeom prst="rect">
                <a:avLst/>
              </a:prstGeom>
            </p:spPr>
          </p:pic>
        </mc:Fallback>
      </mc:AlternateContent>
      <p:sp>
        <p:nvSpPr>
          <p:cNvPr id="6" name="Title 5">
            <a:extLst>
              <a:ext uri="{FF2B5EF4-FFF2-40B4-BE49-F238E27FC236}">
                <a16:creationId xmlns:a16="http://schemas.microsoft.com/office/drawing/2014/main" id="{99F10865-4827-4CB9-8516-5C3D8E1F18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58901" y="1427771"/>
            <a:ext cx="3678204" cy="1039557"/>
          </a:xfrm>
        </p:spPr>
        <p:txBody>
          <a:bodyPr>
            <a:normAutofit fontScale="90000"/>
          </a:bodyPr>
          <a:lstStyle/>
          <a:p>
            <a:r>
              <a:rPr lang="en-US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pecial Thanks</a:t>
            </a:r>
          </a:p>
        </p:txBody>
      </p:sp>
      <p:sp>
        <p:nvSpPr>
          <p:cNvPr id="15" name="Title 5">
            <a:extLst>
              <a:ext uri="{FF2B5EF4-FFF2-40B4-BE49-F238E27FC236}">
                <a16:creationId xmlns:a16="http://schemas.microsoft.com/office/drawing/2014/main" id="{D18CBCA5-B7DC-42F6-82CC-EB1E6CC2153E}"/>
              </a:ext>
            </a:extLst>
          </p:cNvPr>
          <p:cNvSpPr txBox="1">
            <a:spLocks/>
          </p:cNvSpPr>
          <p:nvPr/>
        </p:nvSpPr>
        <p:spPr>
          <a:xfrm>
            <a:off x="5291297" y="2593163"/>
            <a:ext cx="3393861" cy="128867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r. Natalia </a:t>
            </a:r>
            <a:r>
              <a:rPr lang="en-US" sz="2000" dirty="0" err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rmicioi</a:t>
            </a:r>
            <a:endParaRPr lang="en-US" sz="20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sz="20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icheline Al </a:t>
            </a:r>
            <a:r>
              <a:rPr lang="en-US" sz="2000" dirty="0" err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Harrack</a:t>
            </a:r>
            <a:endParaRPr lang="en-US" sz="20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sz="20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	</a:t>
            </a:r>
          </a:p>
        </p:txBody>
      </p:sp>
      <p:pic>
        <p:nvPicPr>
          <p:cNvPr id="18" name="Picture 17" descr="Text&#10;&#10;Description automatically generated">
            <a:extLst>
              <a:ext uri="{FF2B5EF4-FFF2-40B4-BE49-F238E27FC236}">
                <a16:creationId xmlns:a16="http://schemas.microsoft.com/office/drawing/2014/main" id="{32F8512D-F87D-4C55-AC8C-B3246B3738A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837473B0-CC2E-450A-ABE3-18F120FF3D39}">
                <a1611:picAttrSrcUrl xmlns:a1611="http://schemas.microsoft.com/office/drawing/2016/11/main" r:id="rId7"/>
              </a:ext>
            </a:extLst>
          </a:blip>
          <a:stretch>
            <a:fillRect/>
          </a:stretch>
        </p:blipFill>
        <p:spPr>
          <a:xfrm>
            <a:off x="1315887" y="2073034"/>
            <a:ext cx="2089786" cy="41450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77633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C17443-10BC-4078-8CF2-23E75B0CC2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22272" y="430048"/>
            <a:ext cx="2263485" cy="693577"/>
          </a:xfrm>
        </p:spPr>
        <p:txBody>
          <a:bodyPr>
            <a:normAutofit fontScale="90000"/>
          </a:bodyPr>
          <a:lstStyle/>
          <a:p>
            <a:r>
              <a:rPr lang="en-US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ntent</a:t>
            </a:r>
          </a:p>
        </p:txBody>
      </p:sp>
      <p:pic>
        <p:nvPicPr>
          <p:cNvPr id="40" name="Picture Placeholder 39" descr="A picture containing diagram&#10;&#10;Description automatically generated">
            <a:extLst>
              <a:ext uri="{FF2B5EF4-FFF2-40B4-BE49-F238E27FC236}">
                <a16:creationId xmlns:a16="http://schemas.microsoft.com/office/drawing/2014/main" id="{4E0F1409-A71F-4543-A010-91E970B2CBB6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3">
            <a:extLst>
              <a:ext uri="{837473B0-CC2E-450A-ABE3-18F120FF3D39}">
                <a1611:picAttrSrcUrl xmlns:a1611="http://schemas.microsoft.com/office/drawing/2016/11/main" r:id="rId4"/>
              </a:ext>
            </a:extLst>
          </a:blip>
          <a:srcRect l="9514" r="9514"/>
          <a:stretch>
            <a:fillRect/>
          </a:stretch>
        </p:blipFill>
        <p:spPr>
          <a:xfrm>
            <a:off x="525914" y="1475845"/>
            <a:ext cx="5053792" cy="4006463"/>
          </a:xfrm>
        </p:spPr>
      </p:pic>
      <p:graphicFrame>
        <p:nvGraphicFramePr>
          <p:cNvPr id="42" name="Content Placeholder 2">
            <a:extLst>
              <a:ext uri="{FF2B5EF4-FFF2-40B4-BE49-F238E27FC236}">
                <a16:creationId xmlns:a16="http://schemas.microsoft.com/office/drawing/2014/main" id="{13FBC297-58F1-4323-9624-A93B4BD02B2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46980350"/>
              </p:ext>
            </p:extLst>
          </p:nvPr>
        </p:nvGraphicFramePr>
        <p:xfrm>
          <a:off x="5673070" y="1461768"/>
          <a:ext cx="5922028" cy="462804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F8C585A-B5B9-40F2-A604-181F9326DE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63752" y="6427952"/>
            <a:ext cx="4114800" cy="365125"/>
          </a:xfrm>
        </p:spPr>
        <p:txBody>
          <a:bodyPr/>
          <a:lstStyle/>
          <a:p>
            <a:r>
              <a:rPr lang="en-US" sz="1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CE773B-8D36-4868-AA55-1A3267727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83157" y="6470997"/>
            <a:ext cx="2743200" cy="365125"/>
          </a:xfrm>
        </p:spPr>
        <p:txBody>
          <a:bodyPr/>
          <a:lstStyle/>
          <a:p>
            <a:fld id="{5EA792F7-1D9E-4C7E-A103-E8EDFDC2691E}" type="slidenum">
              <a:rPr lang="en-US" smtClean="0"/>
              <a:pPr/>
              <a:t>2</a:t>
            </a:fld>
            <a:endParaRPr lang="en-US" dirty="0"/>
          </a:p>
        </p:txBody>
      </p:sp>
      <p:grpSp>
        <p:nvGrpSpPr>
          <p:cNvPr id="10" name="Graphic 4">
            <a:extLst>
              <a:ext uri="{FF2B5EF4-FFF2-40B4-BE49-F238E27FC236}">
                <a16:creationId xmlns:a16="http://schemas.microsoft.com/office/drawing/2014/main" id="{B3F06BA9-200A-4546-8C17-44B9F05FF8E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3905471" y="4389402"/>
            <a:ext cx="975170" cy="975170"/>
            <a:chOff x="5829300" y="3162300"/>
            <a:chExt cx="532257" cy="532257"/>
          </a:xfrm>
          <a:solidFill>
            <a:schemeClr val="tx1"/>
          </a:solidFill>
        </p:grpSpPr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C400A030-8E40-42C9-BA7A-C57F560E28BD}"/>
                </a:ext>
              </a:extLst>
            </p:cNvPr>
            <p:cNvSpPr/>
            <p:nvPr/>
          </p:nvSpPr>
          <p:spPr>
            <a:xfrm>
              <a:off x="5859208" y="3192208"/>
              <a:ext cx="112966" cy="112966"/>
            </a:xfrm>
            <a:custGeom>
              <a:avLst/>
              <a:gdLst>
                <a:gd name="connsiteX0" fmla="*/ 112967 w 112966"/>
                <a:gd name="connsiteY0" fmla="*/ 0 h 112966"/>
                <a:gd name="connsiteX1" fmla="*/ 0 w 112966"/>
                <a:gd name="connsiteY1" fmla="*/ 112967 h 112966"/>
                <a:gd name="connsiteX2" fmla="*/ 112967 w 112966"/>
                <a:gd name="connsiteY2" fmla="*/ 0 h 1129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12966" h="112966">
                  <a:moveTo>
                    <a:pt x="112967" y="0"/>
                  </a:moveTo>
                  <a:lnTo>
                    <a:pt x="0" y="112967"/>
                  </a:lnTo>
                  <a:cubicBezTo>
                    <a:pt x="25356" y="64747"/>
                    <a:pt x="64747" y="25356"/>
                    <a:pt x="112967" y="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CA1CB66D-59CC-42E6-9F71-86AA8F1A83E5}"/>
                </a:ext>
              </a:extLst>
            </p:cNvPr>
            <p:cNvSpPr/>
            <p:nvPr/>
          </p:nvSpPr>
          <p:spPr>
            <a:xfrm>
              <a:off x="5831205" y="3164205"/>
              <a:ext cx="230314" cy="230314"/>
            </a:xfrm>
            <a:custGeom>
              <a:avLst/>
              <a:gdLst>
                <a:gd name="connsiteX0" fmla="*/ 230314 w 230314"/>
                <a:gd name="connsiteY0" fmla="*/ 0 h 230314"/>
                <a:gd name="connsiteX1" fmla="*/ 0 w 230314"/>
                <a:gd name="connsiteY1" fmla="*/ 230314 h 230314"/>
                <a:gd name="connsiteX2" fmla="*/ 3524 w 230314"/>
                <a:gd name="connsiteY2" fmla="*/ 209550 h 230314"/>
                <a:gd name="connsiteX3" fmla="*/ 209550 w 230314"/>
                <a:gd name="connsiteY3" fmla="*/ 3524 h 230314"/>
                <a:gd name="connsiteX4" fmla="*/ 230314 w 230314"/>
                <a:gd name="connsiteY4" fmla="*/ 0 h 2303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0314" h="230314">
                  <a:moveTo>
                    <a:pt x="230314" y="0"/>
                  </a:moveTo>
                  <a:lnTo>
                    <a:pt x="0" y="230314"/>
                  </a:lnTo>
                  <a:cubicBezTo>
                    <a:pt x="953" y="223361"/>
                    <a:pt x="2095" y="216408"/>
                    <a:pt x="3524" y="209550"/>
                  </a:cubicBezTo>
                  <a:lnTo>
                    <a:pt x="209550" y="3524"/>
                  </a:lnTo>
                  <a:cubicBezTo>
                    <a:pt x="216408" y="2095"/>
                    <a:pt x="223361" y="953"/>
                    <a:pt x="230314" y="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952CF368-1DA1-4155-A52E-1D7117691AE2}"/>
                </a:ext>
              </a:extLst>
            </p:cNvPr>
            <p:cNvSpPr/>
            <p:nvPr/>
          </p:nvSpPr>
          <p:spPr>
            <a:xfrm>
              <a:off x="5829300" y="3162300"/>
              <a:ext cx="294131" cy="294131"/>
            </a:xfrm>
            <a:custGeom>
              <a:avLst/>
              <a:gdLst>
                <a:gd name="connsiteX0" fmla="*/ 294132 w 294131"/>
                <a:gd name="connsiteY0" fmla="*/ 1238 h 294131"/>
                <a:gd name="connsiteX1" fmla="*/ 1238 w 294131"/>
                <a:gd name="connsiteY1" fmla="*/ 294132 h 294131"/>
                <a:gd name="connsiteX2" fmla="*/ 0 w 294131"/>
                <a:gd name="connsiteY2" fmla="*/ 278225 h 294131"/>
                <a:gd name="connsiteX3" fmla="*/ 278225 w 294131"/>
                <a:gd name="connsiteY3" fmla="*/ 0 h 294131"/>
                <a:gd name="connsiteX4" fmla="*/ 294132 w 294131"/>
                <a:gd name="connsiteY4" fmla="*/ 1238 h 2941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94131" h="294131">
                  <a:moveTo>
                    <a:pt x="294132" y="1238"/>
                  </a:moveTo>
                  <a:lnTo>
                    <a:pt x="1238" y="294132"/>
                  </a:lnTo>
                  <a:cubicBezTo>
                    <a:pt x="667" y="288893"/>
                    <a:pt x="0" y="283559"/>
                    <a:pt x="0" y="278225"/>
                  </a:cubicBezTo>
                  <a:lnTo>
                    <a:pt x="278225" y="0"/>
                  </a:lnTo>
                  <a:cubicBezTo>
                    <a:pt x="283559" y="0"/>
                    <a:pt x="288893" y="667"/>
                    <a:pt x="294132" y="123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BCCA8E35-7EDC-4B54-84C6-7439052862AD}"/>
                </a:ext>
              </a:extLst>
            </p:cNvPr>
            <p:cNvSpPr/>
            <p:nvPr/>
          </p:nvSpPr>
          <p:spPr>
            <a:xfrm>
              <a:off x="5837205" y="3170110"/>
              <a:ext cx="337184" cy="337280"/>
            </a:xfrm>
            <a:custGeom>
              <a:avLst/>
              <a:gdLst>
                <a:gd name="connsiteX0" fmla="*/ 337185 w 337184"/>
                <a:gd name="connsiteY0" fmla="*/ 3905 h 337280"/>
                <a:gd name="connsiteX1" fmla="*/ 3810 w 337184"/>
                <a:gd name="connsiteY1" fmla="*/ 337280 h 337280"/>
                <a:gd name="connsiteX2" fmla="*/ 0 w 337184"/>
                <a:gd name="connsiteY2" fmla="*/ 323850 h 337280"/>
                <a:gd name="connsiteX3" fmla="*/ 323850 w 337184"/>
                <a:gd name="connsiteY3" fmla="*/ 0 h 337280"/>
                <a:gd name="connsiteX4" fmla="*/ 337185 w 337184"/>
                <a:gd name="connsiteY4" fmla="*/ 3905 h 3372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184" h="337280">
                  <a:moveTo>
                    <a:pt x="337185" y="3905"/>
                  </a:moveTo>
                  <a:lnTo>
                    <a:pt x="3810" y="337280"/>
                  </a:lnTo>
                  <a:cubicBezTo>
                    <a:pt x="2381" y="332899"/>
                    <a:pt x="1143" y="328422"/>
                    <a:pt x="0" y="323850"/>
                  </a:cubicBezTo>
                  <a:lnTo>
                    <a:pt x="323850" y="0"/>
                  </a:lnTo>
                  <a:cubicBezTo>
                    <a:pt x="328327" y="1715"/>
                    <a:pt x="332804" y="2477"/>
                    <a:pt x="337185" y="3905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DA6E2D90-3377-475B-908D-8DEFA47683EF}"/>
                </a:ext>
              </a:extLst>
            </p:cNvPr>
            <p:cNvSpPr/>
            <p:nvPr/>
          </p:nvSpPr>
          <p:spPr>
            <a:xfrm>
              <a:off x="5853207" y="3186207"/>
              <a:ext cx="364617" cy="364617"/>
            </a:xfrm>
            <a:custGeom>
              <a:avLst/>
              <a:gdLst>
                <a:gd name="connsiteX0" fmla="*/ 364617 w 364617"/>
                <a:gd name="connsiteY0" fmla="*/ 5620 h 364617"/>
                <a:gd name="connsiteX1" fmla="*/ 5620 w 364617"/>
                <a:gd name="connsiteY1" fmla="*/ 364617 h 364617"/>
                <a:gd name="connsiteX2" fmla="*/ 0 w 364617"/>
                <a:gd name="connsiteY2" fmla="*/ 353187 h 364617"/>
                <a:gd name="connsiteX3" fmla="*/ 353187 w 364617"/>
                <a:gd name="connsiteY3" fmla="*/ 0 h 364617"/>
                <a:gd name="connsiteX4" fmla="*/ 364617 w 364617"/>
                <a:gd name="connsiteY4" fmla="*/ 5620 h 3646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64617" h="364617">
                  <a:moveTo>
                    <a:pt x="364617" y="5620"/>
                  </a:moveTo>
                  <a:lnTo>
                    <a:pt x="5620" y="364617"/>
                  </a:lnTo>
                  <a:cubicBezTo>
                    <a:pt x="3620" y="360902"/>
                    <a:pt x="1715" y="357092"/>
                    <a:pt x="0" y="353187"/>
                  </a:cubicBezTo>
                  <a:lnTo>
                    <a:pt x="353187" y="0"/>
                  </a:lnTo>
                  <a:cubicBezTo>
                    <a:pt x="357092" y="1715"/>
                    <a:pt x="360902" y="3715"/>
                    <a:pt x="364617" y="562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976911BE-DDD3-49C2-8777-60297A15722D}"/>
                </a:ext>
              </a:extLst>
            </p:cNvPr>
            <p:cNvSpPr/>
            <p:nvPr/>
          </p:nvSpPr>
          <p:spPr>
            <a:xfrm>
              <a:off x="5875305" y="3208305"/>
              <a:ext cx="380238" cy="380238"/>
            </a:xfrm>
            <a:custGeom>
              <a:avLst/>
              <a:gdLst>
                <a:gd name="connsiteX0" fmla="*/ 380238 w 380238"/>
                <a:gd name="connsiteY0" fmla="*/ 7239 h 380238"/>
                <a:gd name="connsiteX1" fmla="*/ 7239 w 380238"/>
                <a:gd name="connsiteY1" fmla="*/ 380238 h 380238"/>
                <a:gd name="connsiteX2" fmla="*/ 0 w 380238"/>
                <a:gd name="connsiteY2" fmla="*/ 370713 h 380238"/>
                <a:gd name="connsiteX3" fmla="*/ 370237 w 380238"/>
                <a:gd name="connsiteY3" fmla="*/ 0 h 380238"/>
                <a:gd name="connsiteX4" fmla="*/ 380238 w 380238"/>
                <a:gd name="connsiteY4" fmla="*/ 7239 h 3802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0238" h="380238">
                  <a:moveTo>
                    <a:pt x="380238" y="7239"/>
                  </a:moveTo>
                  <a:lnTo>
                    <a:pt x="7239" y="380238"/>
                  </a:lnTo>
                  <a:cubicBezTo>
                    <a:pt x="4763" y="377000"/>
                    <a:pt x="2381" y="373571"/>
                    <a:pt x="0" y="370713"/>
                  </a:cubicBezTo>
                  <a:lnTo>
                    <a:pt x="370237" y="0"/>
                  </a:lnTo>
                  <a:cubicBezTo>
                    <a:pt x="373571" y="2381"/>
                    <a:pt x="377000" y="4763"/>
                    <a:pt x="380238" y="723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45515E5A-13FF-4F37-9082-C1584EE41A65}"/>
                </a:ext>
              </a:extLst>
            </p:cNvPr>
            <p:cNvSpPr/>
            <p:nvPr/>
          </p:nvSpPr>
          <p:spPr>
            <a:xfrm>
              <a:off x="5902832" y="3235832"/>
              <a:ext cx="385191" cy="385191"/>
            </a:xfrm>
            <a:custGeom>
              <a:avLst/>
              <a:gdLst>
                <a:gd name="connsiteX0" fmla="*/ 380905 w 385191"/>
                <a:gd name="connsiteY0" fmla="*/ 4286 h 385191"/>
                <a:gd name="connsiteX1" fmla="*/ 385191 w 385191"/>
                <a:gd name="connsiteY1" fmla="*/ 8573 h 385191"/>
                <a:gd name="connsiteX2" fmla="*/ 8573 w 385191"/>
                <a:gd name="connsiteY2" fmla="*/ 385191 h 385191"/>
                <a:gd name="connsiteX3" fmla="*/ 4286 w 385191"/>
                <a:gd name="connsiteY3" fmla="*/ 380905 h 385191"/>
                <a:gd name="connsiteX4" fmla="*/ 0 w 385191"/>
                <a:gd name="connsiteY4" fmla="*/ 376523 h 385191"/>
                <a:gd name="connsiteX5" fmla="*/ 376523 w 385191"/>
                <a:gd name="connsiteY5" fmla="*/ 0 h 385191"/>
                <a:gd name="connsiteX6" fmla="*/ 380905 w 385191"/>
                <a:gd name="connsiteY6" fmla="*/ 4286 h 3851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85191" h="385191">
                  <a:moveTo>
                    <a:pt x="380905" y="4286"/>
                  </a:moveTo>
                  <a:lnTo>
                    <a:pt x="385191" y="8573"/>
                  </a:lnTo>
                  <a:lnTo>
                    <a:pt x="8573" y="385191"/>
                  </a:lnTo>
                  <a:lnTo>
                    <a:pt x="4286" y="380905"/>
                  </a:lnTo>
                  <a:cubicBezTo>
                    <a:pt x="2762" y="379476"/>
                    <a:pt x="1334" y="377952"/>
                    <a:pt x="0" y="376523"/>
                  </a:cubicBezTo>
                  <a:lnTo>
                    <a:pt x="376523" y="0"/>
                  </a:lnTo>
                  <a:cubicBezTo>
                    <a:pt x="377952" y="1334"/>
                    <a:pt x="379476" y="2667"/>
                    <a:pt x="380905" y="4286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A9C90979-3DFC-45AC-8666-5039DC14B0B5}"/>
                </a:ext>
              </a:extLst>
            </p:cNvPr>
            <p:cNvSpPr/>
            <p:nvPr/>
          </p:nvSpPr>
          <p:spPr>
            <a:xfrm>
              <a:off x="5935789" y="3268313"/>
              <a:ext cx="379761" cy="380237"/>
            </a:xfrm>
            <a:custGeom>
              <a:avLst/>
              <a:gdLst>
                <a:gd name="connsiteX0" fmla="*/ 372428 w 379761"/>
                <a:gd name="connsiteY0" fmla="*/ 0 h 380237"/>
                <a:gd name="connsiteX1" fmla="*/ 379762 w 379761"/>
                <a:gd name="connsiteY1" fmla="*/ 9525 h 380237"/>
                <a:gd name="connsiteX2" fmla="*/ 9525 w 379761"/>
                <a:gd name="connsiteY2" fmla="*/ 380238 h 380237"/>
                <a:gd name="connsiteX3" fmla="*/ 0 w 379761"/>
                <a:gd name="connsiteY3" fmla="*/ 372904 h 3802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79761" h="380237">
                  <a:moveTo>
                    <a:pt x="372428" y="0"/>
                  </a:moveTo>
                  <a:cubicBezTo>
                    <a:pt x="374999" y="3239"/>
                    <a:pt x="377381" y="6572"/>
                    <a:pt x="379762" y="9525"/>
                  </a:cubicBezTo>
                  <a:lnTo>
                    <a:pt x="9525" y="380238"/>
                  </a:lnTo>
                  <a:cubicBezTo>
                    <a:pt x="6096" y="377857"/>
                    <a:pt x="2762" y="375476"/>
                    <a:pt x="0" y="372904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7569B7C0-8434-4008-B429-35208DBDC7CB}"/>
                </a:ext>
              </a:extLst>
            </p:cNvPr>
            <p:cNvSpPr/>
            <p:nvPr/>
          </p:nvSpPr>
          <p:spPr>
            <a:xfrm>
              <a:off x="5972841" y="3305841"/>
              <a:ext cx="364807" cy="364807"/>
            </a:xfrm>
            <a:custGeom>
              <a:avLst/>
              <a:gdLst>
                <a:gd name="connsiteX0" fmla="*/ 359188 w 364807"/>
                <a:gd name="connsiteY0" fmla="*/ 0 h 364807"/>
                <a:gd name="connsiteX1" fmla="*/ 364808 w 364807"/>
                <a:gd name="connsiteY1" fmla="*/ 11621 h 364807"/>
                <a:gd name="connsiteX2" fmla="*/ 11621 w 364807"/>
                <a:gd name="connsiteY2" fmla="*/ 364808 h 364807"/>
                <a:gd name="connsiteX3" fmla="*/ 0 w 364807"/>
                <a:gd name="connsiteY3" fmla="*/ 359188 h 3648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64807" h="364807">
                  <a:moveTo>
                    <a:pt x="359188" y="0"/>
                  </a:moveTo>
                  <a:cubicBezTo>
                    <a:pt x="361188" y="3905"/>
                    <a:pt x="362998" y="7715"/>
                    <a:pt x="364808" y="11621"/>
                  </a:cubicBezTo>
                  <a:lnTo>
                    <a:pt x="11621" y="364808"/>
                  </a:lnTo>
                  <a:cubicBezTo>
                    <a:pt x="7715" y="362998"/>
                    <a:pt x="3905" y="361188"/>
                    <a:pt x="0" y="35918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00C7D2AA-D66F-4FD5-BB00-10B56396B8A1}"/>
                </a:ext>
              </a:extLst>
            </p:cNvPr>
            <p:cNvSpPr/>
            <p:nvPr/>
          </p:nvSpPr>
          <p:spPr>
            <a:xfrm>
              <a:off x="6016370" y="3349466"/>
              <a:ext cx="337280" cy="337280"/>
            </a:xfrm>
            <a:custGeom>
              <a:avLst/>
              <a:gdLst>
                <a:gd name="connsiteX0" fmla="*/ 333470 w 337280"/>
                <a:gd name="connsiteY0" fmla="*/ 0 h 337280"/>
                <a:gd name="connsiteX1" fmla="*/ 337280 w 337280"/>
                <a:gd name="connsiteY1" fmla="*/ 13430 h 337280"/>
                <a:gd name="connsiteX2" fmla="*/ 13430 w 337280"/>
                <a:gd name="connsiteY2" fmla="*/ 337280 h 337280"/>
                <a:gd name="connsiteX3" fmla="*/ 0 w 337280"/>
                <a:gd name="connsiteY3" fmla="*/ 333470 h 3372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37280" h="337280">
                  <a:moveTo>
                    <a:pt x="333470" y="0"/>
                  </a:moveTo>
                  <a:cubicBezTo>
                    <a:pt x="334899" y="4382"/>
                    <a:pt x="336137" y="8858"/>
                    <a:pt x="337280" y="13430"/>
                  </a:cubicBezTo>
                  <a:lnTo>
                    <a:pt x="13430" y="337280"/>
                  </a:lnTo>
                  <a:cubicBezTo>
                    <a:pt x="8858" y="336137"/>
                    <a:pt x="4382" y="334899"/>
                    <a:pt x="0" y="33347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29431D87-07CF-4EBC-97C6-C6BB01161057}"/>
                </a:ext>
              </a:extLst>
            </p:cNvPr>
            <p:cNvSpPr/>
            <p:nvPr/>
          </p:nvSpPr>
          <p:spPr>
            <a:xfrm>
              <a:off x="6067329" y="3400425"/>
              <a:ext cx="294227" cy="294132"/>
            </a:xfrm>
            <a:custGeom>
              <a:avLst/>
              <a:gdLst>
                <a:gd name="connsiteX0" fmla="*/ 292989 w 294227"/>
                <a:gd name="connsiteY0" fmla="*/ 0 h 294132"/>
                <a:gd name="connsiteX1" fmla="*/ 294227 w 294227"/>
                <a:gd name="connsiteY1" fmla="*/ 15907 h 294132"/>
                <a:gd name="connsiteX2" fmla="*/ 15907 w 294227"/>
                <a:gd name="connsiteY2" fmla="*/ 294132 h 294132"/>
                <a:gd name="connsiteX3" fmla="*/ 0 w 294227"/>
                <a:gd name="connsiteY3" fmla="*/ 292894 h 2941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94227" h="294132">
                  <a:moveTo>
                    <a:pt x="292989" y="0"/>
                  </a:moveTo>
                  <a:cubicBezTo>
                    <a:pt x="293561" y="5334"/>
                    <a:pt x="293942" y="10668"/>
                    <a:pt x="294227" y="15907"/>
                  </a:cubicBezTo>
                  <a:lnTo>
                    <a:pt x="15907" y="294132"/>
                  </a:lnTo>
                  <a:cubicBezTo>
                    <a:pt x="10668" y="294132"/>
                    <a:pt x="5334" y="293465"/>
                    <a:pt x="0" y="292894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A9DF15BC-97AC-4CEB-A3B4-6F400C38A32F}"/>
                </a:ext>
              </a:extLst>
            </p:cNvPr>
            <p:cNvSpPr/>
            <p:nvPr/>
          </p:nvSpPr>
          <p:spPr>
            <a:xfrm>
              <a:off x="6129337" y="3462337"/>
              <a:ext cx="230314" cy="230314"/>
            </a:xfrm>
            <a:custGeom>
              <a:avLst/>
              <a:gdLst>
                <a:gd name="connsiteX0" fmla="*/ 230315 w 230314"/>
                <a:gd name="connsiteY0" fmla="*/ 0 h 230314"/>
                <a:gd name="connsiteX1" fmla="*/ 226886 w 230314"/>
                <a:gd name="connsiteY1" fmla="*/ 20574 h 230314"/>
                <a:gd name="connsiteX2" fmla="*/ 20669 w 230314"/>
                <a:gd name="connsiteY2" fmla="*/ 226790 h 230314"/>
                <a:gd name="connsiteX3" fmla="*/ 0 w 230314"/>
                <a:gd name="connsiteY3" fmla="*/ 230315 h 2303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30314" h="230314">
                  <a:moveTo>
                    <a:pt x="230315" y="0"/>
                  </a:moveTo>
                  <a:cubicBezTo>
                    <a:pt x="229457" y="6953"/>
                    <a:pt x="228314" y="13716"/>
                    <a:pt x="226886" y="20574"/>
                  </a:cubicBezTo>
                  <a:lnTo>
                    <a:pt x="20669" y="226790"/>
                  </a:lnTo>
                  <a:cubicBezTo>
                    <a:pt x="13811" y="228314"/>
                    <a:pt x="6953" y="229457"/>
                    <a:pt x="0" y="230315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9DA02847-240E-4210-ABB0-6789739465D3}"/>
                </a:ext>
              </a:extLst>
            </p:cNvPr>
            <p:cNvSpPr/>
            <p:nvPr/>
          </p:nvSpPr>
          <p:spPr>
            <a:xfrm>
              <a:off x="6218682" y="3551682"/>
              <a:ext cx="112871" cy="112871"/>
            </a:xfrm>
            <a:custGeom>
              <a:avLst/>
              <a:gdLst>
                <a:gd name="connsiteX0" fmla="*/ 112871 w 112871"/>
                <a:gd name="connsiteY0" fmla="*/ 0 h 112871"/>
                <a:gd name="connsiteX1" fmla="*/ 0 w 112871"/>
                <a:gd name="connsiteY1" fmla="*/ 112871 h 1128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12871" h="112871">
                  <a:moveTo>
                    <a:pt x="112871" y="0"/>
                  </a:moveTo>
                  <a:cubicBezTo>
                    <a:pt x="87618" y="48239"/>
                    <a:pt x="48239" y="87618"/>
                    <a:pt x="0" y="11287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</p:grpSp>
      <p:pic>
        <p:nvPicPr>
          <p:cNvPr id="24" name="Picture 23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C73E771A-4AF9-427A-B57B-9507B2DE22A1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9093666" y="21878"/>
            <a:ext cx="1518407" cy="13117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94119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Rectangle 24">
            <a:extLst>
              <a:ext uri="{FF2B5EF4-FFF2-40B4-BE49-F238E27FC236}">
                <a16:creationId xmlns:a16="http://schemas.microsoft.com/office/drawing/2014/main" id="{80506ED4-32CD-43AB-B344-A53FEC3B806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C990AAD3-E6EC-436A-BA4C-86970DE3DB4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6A0A1DEB-D8B2-4267-B1E3-DF9903353FB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BD039821-71E6-4D14-A6A3-00E3400406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8724" y="457200"/>
            <a:ext cx="11274552" cy="5943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8343B04F-B5E0-41BD-BEEA-A4E6B79F2CA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22732" y="521208"/>
            <a:ext cx="11146536" cy="581558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9" name="Picture 8" descr="A picture containing icon&#10;&#10;Description automatically generated">
            <a:extLst>
              <a:ext uri="{FF2B5EF4-FFF2-40B4-BE49-F238E27FC236}">
                <a16:creationId xmlns:a16="http://schemas.microsoft.com/office/drawing/2014/main" id="{430E2C99-571B-46C1-8315-B8DAC334346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837473B0-CC2E-450A-ABE3-18F120FF3D39}">
                <a1611:picAttrSrcUrl xmlns:a1611="http://schemas.microsoft.com/office/drawing/2016/11/main" r:id="rId4"/>
              </a:ext>
            </a:extLst>
          </a:blip>
          <a:srcRect l="12993" r="8290" b="-3"/>
          <a:stretch/>
        </p:blipFill>
        <p:spPr>
          <a:xfrm>
            <a:off x="842772" y="841248"/>
            <a:ext cx="5092361" cy="5175504"/>
          </a:xfrm>
          <a:prstGeom prst="rect">
            <a:avLst/>
          </a:prstGeom>
        </p:spPr>
      </p:pic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1606"/>
          <a:stretch/>
        </p:blipFill>
        <p:spPr>
          <a:xfrm>
            <a:off x="7502216" y="1610686"/>
            <a:ext cx="2811097" cy="2528017"/>
          </a:xfrm>
          <a:prstGeom prst="rect">
            <a:avLst/>
          </a:prstGeom>
        </p:spPr>
      </p:pic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3686185" y="6459785"/>
            <a:ext cx="4822804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 kern="1200" cap="all" baseline="0" dirty="0">
                <a:solidFill>
                  <a:srgbClr val="FFFFFF"/>
                </a:solidFill>
                <a:latin typeface="+mn-lt"/>
                <a:ea typeface="+mn-ea"/>
                <a:cs typeface="+mn-cs"/>
              </a:rPr>
              <a:t>Home Foods</a:t>
            </a: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9900458" y="6459785"/>
            <a:ext cx="1312025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fld id="{5EA792F7-1D9E-4C7E-A103-E8EDFDC2691E}" type="slidenum">
              <a:rPr lang="en-US" kern="1200" dirty="0">
                <a:solidFill>
                  <a:srgbClr val="FFFFFF"/>
                </a:solidFill>
                <a:latin typeface="+mn-lt"/>
                <a:ea typeface="+mn-ea"/>
                <a:cs typeface="+mn-cs"/>
              </a:rPr>
              <a:pPr>
                <a:spcAft>
                  <a:spcPts val="600"/>
                </a:spcAft>
              </a:pPr>
              <a:t>20</a:t>
            </a:fld>
            <a:endParaRPr lang="en-US" kern="1200" dirty="0">
              <a:solidFill>
                <a:srgbClr val="FFFFFF"/>
              </a:solidFill>
              <a:latin typeface="+mn-lt"/>
              <a:ea typeface="+mn-ea"/>
              <a:cs typeface="+mn-cs"/>
            </a:endParaRPr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6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14:cNvPr>
              <p14:cNvContentPartPr/>
              <p14:nvPr/>
            </p14:nvContentPartPr>
            <p14:xfrm>
              <a:off x="8907765" y="2240985"/>
              <a:ext cx="360" cy="36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BD1F93CC-19A0-4551-AD42-2A87D696C9CF}"/>
                  </a:ext>
                </a:extLst>
              </p:cNvPr>
              <p:cNvPicPr/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8898765" y="2231985"/>
                <a:ext cx="18000" cy="1800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1688726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523" y="839235"/>
            <a:ext cx="5596117" cy="966170"/>
          </a:xfrm>
        </p:spPr>
        <p:txBody>
          <a:bodyPr>
            <a:norm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. Problem Statement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BE75E95A-A6B3-43C7-A552-1EAFCCA0A1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87850" y="2634407"/>
            <a:ext cx="8047840" cy="1425995"/>
          </a:xfrm>
        </p:spPr>
        <p:txBody>
          <a:bodyPr>
            <a:noAutofit/>
          </a:bodyPr>
          <a:lstStyle/>
          <a:p>
            <a:r>
              <a:rPr lang="en-US" sz="2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ere is not a delivery service in the market that delivers a home prepared food. Most of the delivery service use the restaurant as vendor.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45419" y="151002"/>
            <a:ext cx="1682764" cy="15100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135831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9883" y="773699"/>
            <a:ext cx="5596117" cy="966170"/>
          </a:xfrm>
        </p:spPr>
        <p:txBody>
          <a:bodyPr>
            <a:normAutofit fontScale="90000"/>
          </a:bodyPr>
          <a:lstStyle/>
          <a:p>
            <a:pPr lvl="0"/>
            <a:r>
              <a:rPr lang="en-US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. Objective Statements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BE75E95A-A6B3-43C7-A552-1EAFCCA0A1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37517" y="2553137"/>
            <a:ext cx="8047840" cy="1885950"/>
          </a:xfrm>
        </p:spPr>
        <p:txBody>
          <a:bodyPr>
            <a:noAutofit/>
          </a:bodyPr>
          <a:lstStyle/>
          <a:p>
            <a:r>
              <a:rPr lang="en-US" sz="2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Research on a business model plan for a startup app development to develop and deploy home food delivery app. Focus on market research, target audience, marketing strategy and design a frame of the application. 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4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45419" y="176169"/>
            <a:ext cx="1691153" cy="14429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080874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18C84775-97AD-427D-88E8-31BFF8D1CD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31089" y="565739"/>
            <a:ext cx="4764912" cy="1124949"/>
          </a:xfrm>
        </p:spPr>
        <p:txBody>
          <a:bodyPr>
            <a:normAutofit/>
          </a:bodyPr>
          <a:lstStyle/>
          <a:p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3. Project Timeline</a:t>
            </a: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65D95395-B266-4514-9D32-B764E04CE0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lvl="0"/>
            <a:r>
              <a:rPr lang="en-US" sz="1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ome </a:t>
            </a:r>
            <a:r>
              <a:rPr lang="en-US" sz="12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FOods</a:t>
            </a:r>
            <a:endParaRPr lang="en-US" sz="1200" noProof="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2C362DCA-E911-4257-9999-C68876AD46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25205" y="6463938"/>
            <a:ext cx="2743200" cy="365125"/>
          </a:xfrm>
        </p:spPr>
        <p:txBody>
          <a:bodyPr/>
          <a:lstStyle/>
          <a:p>
            <a:pPr lvl="0"/>
            <a:fld id="{80967E29-1480-472A-9FC5-C4768A52587C}" type="slidenum">
              <a:rPr lang="en-US" noProof="0" smtClean="0"/>
              <a:pPr lvl="0"/>
              <a:t>5</a:t>
            </a:fld>
            <a:endParaRPr lang="en-US" noProof="0" dirty="0"/>
          </a:p>
        </p:txBody>
      </p:sp>
      <p:sp>
        <p:nvSpPr>
          <p:cNvPr id="133" name="OTLSHAPE_TB_00000000000000000000000000000000_RightEndCaps">
            <a:extLst>
              <a:ext uri="{FF2B5EF4-FFF2-40B4-BE49-F238E27FC236}">
                <a16:creationId xmlns:a16="http://schemas.microsoft.com/office/drawing/2014/main" id="{47AADAEC-8FF0-483B-9E2C-E430BC7D8604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1474534" y="5370638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34" name="OTLSHAPE_T_204637cb4e6547b69f7827c73ef17dd7_LeftVerticalConnector1">
            <a:extLst>
              <a:ext uri="{FF2B5EF4-FFF2-40B4-BE49-F238E27FC236}">
                <a16:creationId xmlns:a16="http://schemas.microsoft.com/office/drawing/2014/main" id="{EA00F3AA-540D-41D9-9A11-2DD052501568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260610" y="2373269"/>
            <a:ext cx="0" cy="11794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T_204637cb4e6547b69f7827c73ef17dd7_LeftVerticalConnector2">
            <a:extLst>
              <a:ext uri="{FF2B5EF4-FFF2-40B4-BE49-F238E27FC236}">
                <a16:creationId xmlns:a16="http://schemas.microsoft.com/office/drawing/2014/main" id="{C87A730B-A602-4305-9BB2-2B16F6B947CF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260610" y="2661728"/>
            <a:ext cx="0" cy="265794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_204637cb4e6547b69f7827c73ef17dd7_RightVerticalConnector1">
            <a:extLst>
              <a:ext uri="{FF2B5EF4-FFF2-40B4-BE49-F238E27FC236}">
                <a16:creationId xmlns:a16="http://schemas.microsoft.com/office/drawing/2014/main" id="{4D49D05B-A300-40C4-9A52-8F198366954B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850588" y="2373269"/>
            <a:ext cx="0" cy="29464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_8c7830d1900e4d28a836c4c936f82f39_RightVerticalConnector1">
            <a:extLst>
              <a:ext uri="{FF2B5EF4-FFF2-40B4-BE49-F238E27FC236}">
                <a16:creationId xmlns:a16="http://schemas.microsoft.com/office/drawing/2014/main" id="{D85BB3BB-3C3C-4EC4-9769-5ABC75B587D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676672" y="2716169"/>
            <a:ext cx="0" cy="26035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880562ba5ce4488c88df3f5cc4f07aaf_RightVerticalConnector1">
            <a:extLst>
              <a:ext uri="{FF2B5EF4-FFF2-40B4-BE49-F238E27FC236}">
                <a16:creationId xmlns:a16="http://schemas.microsoft.com/office/drawing/2014/main" id="{6896905B-0E28-4858-9EAF-9E38C73791E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5446852" y="3059069"/>
            <a:ext cx="0" cy="4608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880562ba5ce4488c88df3f5cc4f07aaf_RightVerticalConnector2">
            <a:extLst>
              <a:ext uri="{FF2B5EF4-FFF2-40B4-BE49-F238E27FC236}">
                <a16:creationId xmlns:a16="http://schemas.microsoft.com/office/drawing/2014/main" id="{516E285E-441E-45D6-B315-2D34DA7ABB95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446852" y="3690429"/>
            <a:ext cx="0" cy="17238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880562ba5ce4488c88df3f5cc4f07aaf_RightVerticalConnector3">
            <a:extLst>
              <a:ext uri="{FF2B5EF4-FFF2-40B4-BE49-F238E27FC236}">
                <a16:creationId xmlns:a16="http://schemas.microsoft.com/office/drawing/2014/main" id="{1DBB32A4-5A1F-4260-824A-609623BB34A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446852" y="4033329"/>
            <a:ext cx="0" cy="128634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45c9469054ec4810a4e2458d6e754b9c_RightVerticalConnector1">
            <a:extLst>
              <a:ext uri="{FF2B5EF4-FFF2-40B4-BE49-F238E27FC236}">
                <a16:creationId xmlns:a16="http://schemas.microsoft.com/office/drawing/2014/main" id="{AAAD0CDC-B929-40FF-B385-A4E9D712CB6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981009" y="3401969"/>
            <a:ext cx="0" cy="4608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45c9469054ec4810a4e2458d6e754b9c_RightVerticalConnector2">
            <a:extLst>
              <a:ext uri="{FF2B5EF4-FFF2-40B4-BE49-F238E27FC236}">
                <a16:creationId xmlns:a16="http://schemas.microsoft.com/office/drawing/2014/main" id="{13C5A7B0-5B2A-43A0-BA95-78E0C6DADFE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981009" y="4033329"/>
            <a:ext cx="0" cy="128634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ddf75a2114b3425383fa90e2bb04105f_RightVerticalConnector1">
            <a:extLst>
              <a:ext uri="{FF2B5EF4-FFF2-40B4-BE49-F238E27FC236}">
                <a16:creationId xmlns:a16="http://schemas.microsoft.com/office/drawing/2014/main" id="{3AD6C41C-B400-4E39-A9D5-47FDE049D96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925105" y="3744869"/>
            <a:ext cx="0" cy="4608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ddf75a2114b3425383fa90e2bb04105f_RightVerticalConnector2">
            <a:extLst>
              <a:ext uri="{FF2B5EF4-FFF2-40B4-BE49-F238E27FC236}">
                <a16:creationId xmlns:a16="http://schemas.microsoft.com/office/drawing/2014/main" id="{AE32A522-0F91-4747-A5D7-E68D6ED6194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925105" y="4376229"/>
            <a:ext cx="0" cy="94344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dfaede02c25d4628bd010adc3e1fed25_RightVerticalConnector1">
            <a:extLst>
              <a:ext uri="{FF2B5EF4-FFF2-40B4-BE49-F238E27FC236}">
                <a16:creationId xmlns:a16="http://schemas.microsoft.com/office/drawing/2014/main" id="{805D9C5C-B6CD-43C3-B5B2-371C31996DC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397153" y="4087769"/>
            <a:ext cx="0" cy="12319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b236021d48542258f6038b5f633c049_RightVerticalConnector1">
            <a:extLst>
              <a:ext uri="{FF2B5EF4-FFF2-40B4-BE49-F238E27FC236}">
                <a16:creationId xmlns:a16="http://schemas.microsoft.com/office/drawing/2014/main" id="{A4C562A4-6E60-4237-97FF-021FA0C792C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869201" y="4430669"/>
            <a:ext cx="0" cy="635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_6b236021d48542258f6038b5f633c049_RightVerticalConnector2">
            <a:extLst>
              <a:ext uri="{FF2B5EF4-FFF2-40B4-BE49-F238E27FC236}">
                <a16:creationId xmlns:a16="http://schemas.microsoft.com/office/drawing/2014/main" id="{5F7A1B02-09F3-4C23-9D54-73F512A961E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869201" y="4773569"/>
            <a:ext cx="0" cy="5461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T_0b10d717b55a4f7b9933e6b721e728d7_LeftVerticalConnector1">
            <a:extLst>
              <a:ext uri="{FF2B5EF4-FFF2-40B4-BE49-F238E27FC236}">
                <a16:creationId xmlns:a16="http://schemas.microsoft.com/office/drawing/2014/main" id="{6BBD387B-3E9A-4D10-9E96-EF400768718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515248" y="4773569"/>
            <a:ext cx="0" cy="5461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_0b10d717b55a4f7b9933e6b721e728d7_RightVerticalConnector1">
            <a:extLst>
              <a:ext uri="{FF2B5EF4-FFF2-40B4-BE49-F238E27FC236}">
                <a16:creationId xmlns:a16="http://schemas.microsoft.com/office/drawing/2014/main" id="{7C5465A2-AF99-4B04-A736-FF15A20488D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049321" y="5062029"/>
            <a:ext cx="0" cy="25764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T_8b4e88209fc04cd8ab1b757249a7d7c0_LeftVerticalConnector1">
            <a:extLst>
              <a:ext uri="{FF2B5EF4-FFF2-40B4-BE49-F238E27FC236}">
                <a16:creationId xmlns:a16="http://schemas.microsoft.com/office/drawing/2014/main" id="{38656EBB-FD28-489A-A64E-25D75D9A574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9459344" y="5116469"/>
            <a:ext cx="0" cy="2032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_8b4e88209fc04cd8ab1b757249a7d7c0_RightVerticalConnector1">
            <a:extLst>
              <a:ext uri="{FF2B5EF4-FFF2-40B4-BE49-F238E27FC236}">
                <a16:creationId xmlns:a16="http://schemas.microsoft.com/office/drawing/2014/main" id="{3D98672A-A86A-4B25-87BA-51CB0F129A7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403358" y="5116469"/>
            <a:ext cx="0" cy="2032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T_880562ba5ce4488c88df3f5cc4f07aaf_HorizontalConnector1">
            <a:extLst>
              <a:ext uri="{FF2B5EF4-FFF2-40B4-BE49-F238E27FC236}">
                <a16:creationId xmlns:a16="http://schemas.microsoft.com/office/drawing/2014/main" id="{E832F150-565D-4C7B-9A78-757384BA64A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396280" y="2919369"/>
            <a:ext cx="2280474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T_0b10d717b55a4f7b9933e6b721e728d7_HorizontalConnector1">
            <a:extLst>
              <a:ext uri="{FF2B5EF4-FFF2-40B4-BE49-F238E27FC236}">
                <a16:creationId xmlns:a16="http://schemas.microsoft.com/office/drawing/2014/main" id="{4007A2E0-7646-44CD-A720-65C287BCDCB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66013" y="4633869"/>
            <a:ext cx="7649235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" name="OTLSHAPE_TB_00000000000000000000000000000000_ScaleContainer">
            <a:extLst>
              <a:ext uri="{FF2B5EF4-FFF2-40B4-BE49-F238E27FC236}">
                <a16:creationId xmlns:a16="http://schemas.microsoft.com/office/drawing/2014/main" id="{EAC11314-108E-41D5-A5BE-08289A6E1C9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44465" y="5319669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587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5" name="OTLSHAPE_TB_00000000000000000000000000000000_ElapsedTime">
            <a:extLst>
              <a:ext uri="{FF2B5EF4-FFF2-40B4-BE49-F238E27FC236}">
                <a16:creationId xmlns:a16="http://schemas.microsoft.com/office/drawing/2014/main" id="{3BB387F5-F240-4CC6-B8EE-9E60310569F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44464" y="5319669"/>
            <a:ext cx="9196363" cy="381000"/>
          </a:xfrm>
          <a:prstGeom prst="rect">
            <a:avLst/>
          </a:prstGeom>
          <a:solidFill>
            <a:srgbClr val="96D642">
              <a:alpha val="30196"/>
            </a:srgbClr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TB_00000000000000000000000000000000_ElapsedTimeExtension">
            <a:extLst>
              <a:ext uri="{FF2B5EF4-FFF2-40B4-BE49-F238E27FC236}">
                <a16:creationId xmlns:a16="http://schemas.microsoft.com/office/drawing/2014/main" id="{C3A394FD-E5BA-40B0-9660-A5DFE6D9B7D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44464" y="2093869"/>
            <a:ext cx="9196369" cy="3225800"/>
          </a:xfrm>
          <a:prstGeom prst="rect">
            <a:avLst/>
          </a:prstGeom>
          <a:gradFill flip="none" rotWithShape="1">
            <a:gsLst>
              <a:gs pos="100000">
                <a:srgbClr val="96D642">
                  <a:alpha val="30196"/>
                </a:srgbClr>
              </a:gs>
              <a:gs pos="0">
                <a:srgbClr val="96D642">
                  <a:alpha val="0"/>
                </a:srgbClr>
              </a:gs>
            </a:gsLst>
            <a:lin ang="5400000" scaled="1"/>
            <a:tileRect/>
          </a:gra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TB_00000000000000000000000000000000_TodayMarkerShape">
            <a:extLst>
              <a:ext uri="{FF2B5EF4-FFF2-40B4-BE49-F238E27FC236}">
                <a16:creationId xmlns:a16="http://schemas.microsoft.com/office/drawing/2014/main" id="{A5938F08-0348-4454-AC37-5D33386BC34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992171" y="5675268"/>
            <a:ext cx="114300" cy="127000"/>
          </a:xfrm>
          <a:prstGeom prst="triangle">
            <a:avLst/>
          </a:prstGeom>
          <a:solidFill>
            <a:srgbClr val="FF0000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TB_00000000000000000000000000000000_TodayMarkerText">
            <a:extLst>
              <a:ext uri="{FF2B5EF4-FFF2-40B4-BE49-F238E27FC236}">
                <a16:creationId xmlns:a16="http://schemas.microsoft.com/office/drawing/2014/main" id="{CAE2A925-DE5C-40B1-8A7B-67A6A6AB40AB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344054" y="582766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59" name="OTLSHAPE_TB_00000000000000000000000000000000_TimescaleInterval1">
            <a:extLst>
              <a:ext uri="{FF2B5EF4-FFF2-40B4-BE49-F238E27FC236}">
                <a16:creationId xmlns:a16="http://schemas.microsoft.com/office/drawing/2014/main" id="{1DA731AB-EBDC-4528-A476-1920D07E45B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07965" y="5417141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60" name="OTLSHAPE_TB_00000000000000000000000000000000_TimescaleInterval2">
            <a:extLst>
              <a:ext uri="{FF2B5EF4-FFF2-40B4-BE49-F238E27FC236}">
                <a16:creationId xmlns:a16="http://schemas.microsoft.com/office/drawing/2014/main" id="{916A23D2-5461-4B16-80EC-27536CAA6C2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212302" y="5417141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61" name="OTLSHAPE_TB_00000000000000000000000000000000_TimescaleInterval3">
            <a:extLst>
              <a:ext uri="{FF2B5EF4-FFF2-40B4-BE49-F238E27FC236}">
                <a16:creationId xmlns:a16="http://schemas.microsoft.com/office/drawing/2014/main" id="{C23476E1-771F-464D-9977-773CE3917A1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870675" y="5417141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2" name="OTLSHAPE_T_204637cb4e6547b69f7827c73ef17dd7_Shape">
            <a:extLst>
              <a:ext uri="{FF2B5EF4-FFF2-40B4-BE49-F238E27FC236}">
                <a16:creationId xmlns:a16="http://schemas.microsoft.com/office/drawing/2014/main" id="{DB7FF299-9E4D-42D0-B53A-44E294A8AF3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260610" y="2093869"/>
            <a:ext cx="596900" cy="279400"/>
          </a:xfrm>
          <a:prstGeom prst="rect">
            <a:avLst/>
          </a:prstGeom>
          <a:solidFill>
            <a:srgbClr val="02B2EE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T_8c7830d1900e4d28a836c4c936f82f39_Shape">
            <a:extLst>
              <a:ext uri="{FF2B5EF4-FFF2-40B4-BE49-F238E27FC236}">
                <a16:creationId xmlns:a16="http://schemas.microsoft.com/office/drawing/2014/main" id="{369CC8ED-C731-4B67-B6C2-6F5B91CC0DD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850670" y="2436769"/>
            <a:ext cx="838200" cy="279400"/>
          </a:xfrm>
          <a:prstGeom prst="rect">
            <a:avLst/>
          </a:prstGeom>
          <a:solidFill>
            <a:srgbClr val="02B2EE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T_880562ba5ce4488c88df3f5cc4f07aaf_Shape">
            <a:extLst>
              <a:ext uri="{FF2B5EF4-FFF2-40B4-BE49-F238E27FC236}">
                <a16:creationId xmlns:a16="http://schemas.microsoft.com/office/drawing/2014/main" id="{DA3CA800-76C4-4E64-9886-07A5465A8C1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676754" y="2779669"/>
            <a:ext cx="1778000" cy="279400"/>
          </a:xfrm>
          <a:prstGeom prst="rect">
            <a:avLst/>
          </a:prstGeom>
          <a:solidFill>
            <a:srgbClr val="02B2EE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T_45c9469054ec4810a4e2458d6e754b9c_Shape">
            <a:extLst>
              <a:ext uri="{FF2B5EF4-FFF2-40B4-BE49-F238E27FC236}">
                <a16:creationId xmlns:a16="http://schemas.microsoft.com/office/drawing/2014/main" id="{E527F8D2-BC36-4BBA-9C3F-DB0B5F4CFCC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446935" y="3122569"/>
            <a:ext cx="1536700" cy="279400"/>
          </a:xfrm>
          <a:prstGeom prst="rect">
            <a:avLst/>
          </a:prstGeom>
          <a:solidFill>
            <a:srgbClr val="02B2EE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T_ddf75a2114b3425383fa90e2bb04105f_Shape">
            <a:extLst>
              <a:ext uri="{FF2B5EF4-FFF2-40B4-BE49-F238E27FC236}">
                <a16:creationId xmlns:a16="http://schemas.microsoft.com/office/drawing/2014/main" id="{9BCD12E9-9D10-4263-976A-CD79023C1D4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981091" y="3465469"/>
            <a:ext cx="952500" cy="279400"/>
          </a:xfrm>
          <a:prstGeom prst="rect">
            <a:avLst/>
          </a:prstGeom>
          <a:solidFill>
            <a:srgbClr val="02B2EE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T_dfaede02c25d4628bd010adc3e1fed25_Shape">
            <a:extLst>
              <a:ext uri="{FF2B5EF4-FFF2-40B4-BE49-F238E27FC236}">
                <a16:creationId xmlns:a16="http://schemas.microsoft.com/office/drawing/2014/main" id="{B35AE3D3-2765-4377-B2B4-38E4EF447E1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925187" y="3808369"/>
            <a:ext cx="482600" cy="279400"/>
          </a:xfrm>
          <a:prstGeom prst="rect">
            <a:avLst/>
          </a:prstGeom>
          <a:solidFill>
            <a:srgbClr val="02B2EE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T_6b236021d48542258f6038b5f633c049_Shape">
            <a:extLst>
              <a:ext uri="{FF2B5EF4-FFF2-40B4-BE49-F238E27FC236}">
                <a16:creationId xmlns:a16="http://schemas.microsoft.com/office/drawing/2014/main" id="{10131CED-C714-4DEC-B6DB-0238D17A962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397236" y="4151269"/>
            <a:ext cx="482600" cy="279400"/>
          </a:xfrm>
          <a:prstGeom prst="rect">
            <a:avLst/>
          </a:prstGeom>
          <a:solidFill>
            <a:srgbClr val="02B2EE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T_0b10d717b55a4f7b9933e6b721e728d7_Shape">
            <a:extLst>
              <a:ext uri="{FF2B5EF4-FFF2-40B4-BE49-F238E27FC236}">
                <a16:creationId xmlns:a16="http://schemas.microsoft.com/office/drawing/2014/main" id="{ABF785DB-BFCE-4F56-A88E-A75F5DA52D7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515248" y="4494169"/>
            <a:ext cx="1536700" cy="279400"/>
          </a:xfrm>
          <a:prstGeom prst="rect">
            <a:avLst/>
          </a:prstGeom>
          <a:solidFill>
            <a:srgbClr val="02B2EE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T_8b4e88209fc04cd8ab1b757249a7d7c0_Shape">
            <a:extLst>
              <a:ext uri="{FF2B5EF4-FFF2-40B4-BE49-F238E27FC236}">
                <a16:creationId xmlns:a16="http://schemas.microsoft.com/office/drawing/2014/main" id="{0430ABC9-FDC9-487F-ADC8-B51C96168C22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459344" y="4837069"/>
            <a:ext cx="952500" cy="279400"/>
          </a:xfrm>
          <a:prstGeom prst="rect">
            <a:avLst/>
          </a:prstGeom>
          <a:solidFill>
            <a:srgbClr val="02B2EE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T_204637cb4e6547b69f7827c73ef17dd7_Title">
            <a:extLst>
              <a:ext uri="{FF2B5EF4-FFF2-40B4-BE49-F238E27FC236}">
                <a16:creationId xmlns:a16="http://schemas.microsoft.com/office/drawing/2014/main" id="{3E98C815-CD1B-447D-B192-788EB3E6905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755109" y="214831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Plan and Strategy</a:t>
            </a:r>
          </a:p>
        </p:txBody>
      </p:sp>
      <p:sp>
        <p:nvSpPr>
          <p:cNvPr id="172" name="OTLSHAPE_T_204637cb4e6547b69f7827c73ef17dd7_JoinedDate">
            <a:extLst>
              <a:ext uri="{FF2B5EF4-FFF2-40B4-BE49-F238E27FC236}">
                <a16:creationId xmlns:a16="http://schemas.microsoft.com/office/drawing/2014/main" id="{25904BB6-387A-4E4A-87F5-6BE578CBD56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901388" y="215605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Feb 13 - Feb 17</a:t>
            </a:r>
          </a:p>
        </p:txBody>
      </p:sp>
      <p:sp>
        <p:nvSpPr>
          <p:cNvPr id="173" name="OTLSHAPE_T_8c7830d1900e4d28a836c4c936f82f39_Title">
            <a:extLst>
              <a:ext uri="{FF2B5EF4-FFF2-40B4-BE49-F238E27FC236}">
                <a16:creationId xmlns:a16="http://schemas.microsoft.com/office/drawing/2014/main" id="{4823CAB1-7DBA-4733-9291-1A538BE9A8C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167073" y="249121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search on business model</a:t>
            </a:r>
          </a:p>
        </p:txBody>
      </p:sp>
      <p:sp>
        <p:nvSpPr>
          <p:cNvPr id="174" name="OTLSHAPE_T_8c7830d1900e4d28a836c4c936f82f39_JoinedDate">
            <a:extLst>
              <a:ext uri="{FF2B5EF4-FFF2-40B4-BE49-F238E27FC236}">
                <a16:creationId xmlns:a16="http://schemas.microsoft.com/office/drawing/2014/main" id="{BA5EB5F2-7950-4C8A-859A-D8BD6C8E819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727472" y="249895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Feb 18 - Feb 24</a:t>
            </a:r>
          </a:p>
        </p:txBody>
      </p:sp>
      <p:sp>
        <p:nvSpPr>
          <p:cNvPr id="175" name="OTLSHAPE_T_880562ba5ce4488c88df3f5cc4f07aaf_JoinedDate">
            <a:extLst>
              <a:ext uri="{FF2B5EF4-FFF2-40B4-BE49-F238E27FC236}">
                <a16:creationId xmlns:a16="http://schemas.microsoft.com/office/drawing/2014/main" id="{8E2C6F28-240E-4798-93F3-D6FA94FD18E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497652" y="2841857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Feb 25 - Mar 11</a:t>
            </a:r>
          </a:p>
        </p:txBody>
      </p:sp>
      <p:sp>
        <p:nvSpPr>
          <p:cNvPr id="176" name="OTLSHAPE_T_880562ba5ce4488c88df3f5cc4f07aaf_Title">
            <a:extLst>
              <a:ext uri="{FF2B5EF4-FFF2-40B4-BE49-F238E27FC236}">
                <a16:creationId xmlns:a16="http://schemas.microsoft.com/office/drawing/2014/main" id="{72A33943-5726-464D-ACEB-C3EBC9C0C8A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343375" y="2887236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izing project plan</a:t>
            </a:r>
          </a:p>
        </p:txBody>
      </p:sp>
      <p:sp>
        <p:nvSpPr>
          <p:cNvPr id="177" name="OTLSHAPE_T_45c9469054ec4810a4e2458d6e754b9c_Title">
            <a:extLst>
              <a:ext uri="{FF2B5EF4-FFF2-40B4-BE49-F238E27FC236}">
                <a16:creationId xmlns:a16="http://schemas.microsoft.com/office/drawing/2014/main" id="{EDEE857F-11DE-4744-96C1-59210C532DB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739970" y="3177010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ize the literature review</a:t>
            </a:r>
          </a:p>
        </p:txBody>
      </p:sp>
      <p:sp>
        <p:nvSpPr>
          <p:cNvPr id="178" name="OTLSHAPE_T_45c9469054ec4810a4e2458d6e754b9c_JoinedDate">
            <a:extLst>
              <a:ext uri="{FF2B5EF4-FFF2-40B4-BE49-F238E27FC236}">
                <a16:creationId xmlns:a16="http://schemas.microsoft.com/office/drawing/2014/main" id="{D77A221C-2F42-4A2C-B79F-4E9CFD6F073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031809" y="3184757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rgbClr val="44546A"/>
                </a:solidFill>
                <a:latin typeface="Calibri" panose="020F0502020204030204" pitchFamily="34" charset="0"/>
              </a:rPr>
              <a:t>Mar 12 - Mar 24</a:t>
            </a:r>
          </a:p>
        </p:txBody>
      </p:sp>
      <p:sp>
        <p:nvSpPr>
          <p:cNvPr id="179" name="OTLSHAPE_T_ddf75a2114b3425383fa90e2bb04105f_Title">
            <a:extLst>
              <a:ext uri="{FF2B5EF4-FFF2-40B4-BE49-F238E27FC236}">
                <a16:creationId xmlns:a16="http://schemas.microsoft.com/office/drawing/2014/main" id="{46BA82CA-CB84-456B-982A-C0644FA2EFD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901595" y="3519909"/>
            <a:ext cx="303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Research on requirement and design idea of the app</a:t>
            </a:r>
          </a:p>
        </p:txBody>
      </p:sp>
      <p:sp>
        <p:nvSpPr>
          <p:cNvPr id="180" name="OTLSHAPE_T_ddf75a2114b3425383fa90e2bb04105f_JoinedDate">
            <a:extLst>
              <a:ext uri="{FF2B5EF4-FFF2-40B4-BE49-F238E27FC236}">
                <a16:creationId xmlns:a16="http://schemas.microsoft.com/office/drawing/2014/main" id="{0BEB4D56-A2AA-4A9C-8734-78B92AD7E09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975905" y="352765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rgbClr val="44546A"/>
                </a:solidFill>
                <a:latin typeface="Calibri" panose="020F0502020204030204" pitchFamily="34" charset="0"/>
              </a:rPr>
              <a:t>Mar 25 - Apr 1</a:t>
            </a:r>
          </a:p>
        </p:txBody>
      </p:sp>
      <p:sp>
        <p:nvSpPr>
          <p:cNvPr id="181" name="OTLSHAPE_T_dfaede02c25d4628bd010adc3e1fed25_Title">
            <a:extLst>
              <a:ext uri="{FF2B5EF4-FFF2-40B4-BE49-F238E27FC236}">
                <a16:creationId xmlns:a16="http://schemas.microsoft.com/office/drawing/2014/main" id="{C30C9305-FE5F-4A75-A017-E63964ED0D4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418334" y="3862809"/>
            <a:ext cx="246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epare case diagram and activity diagram</a:t>
            </a:r>
          </a:p>
        </p:txBody>
      </p:sp>
      <p:sp>
        <p:nvSpPr>
          <p:cNvPr id="182" name="OTLSHAPE_T_dfaede02c25d4628bd010adc3e1fed25_JoinedDate">
            <a:extLst>
              <a:ext uri="{FF2B5EF4-FFF2-40B4-BE49-F238E27FC236}">
                <a16:creationId xmlns:a16="http://schemas.microsoft.com/office/drawing/2014/main" id="{11D24BC4-98AC-4D39-AAD9-3B927E14B94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447953" y="387055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rgbClr val="44546A"/>
                </a:solidFill>
                <a:latin typeface="Calibri" panose="020F0502020204030204" pitchFamily="34" charset="0"/>
              </a:rPr>
              <a:t>Apr 2 - Apr 5</a:t>
            </a:r>
          </a:p>
        </p:txBody>
      </p:sp>
      <p:sp>
        <p:nvSpPr>
          <p:cNvPr id="183" name="OTLSHAPE_T_6b236021d48542258f6038b5f633c049_Title">
            <a:extLst>
              <a:ext uri="{FF2B5EF4-FFF2-40B4-BE49-F238E27FC236}">
                <a16:creationId xmlns:a16="http://schemas.microsoft.com/office/drawing/2014/main" id="{A9B9D509-9D4A-4808-B4D8-918D0BD409E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337378" y="420570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uild a prototype</a:t>
            </a:r>
          </a:p>
        </p:txBody>
      </p:sp>
      <p:sp>
        <p:nvSpPr>
          <p:cNvPr id="184" name="OTLSHAPE_T_6b236021d48542258f6038b5f633c049_JoinedDate">
            <a:extLst>
              <a:ext uri="{FF2B5EF4-FFF2-40B4-BE49-F238E27FC236}">
                <a16:creationId xmlns:a16="http://schemas.microsoft.com/office/drawing/2014/main" id="{E872E2BD-813F-42CF-9CC4-606F994470D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920001" y="421345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rgbClr val="44546A"/>
                </a:solidFill>
                <a:latin typeface="Calibri" panose="020F0502020204030204" pitchFamily="34" charset="0"/>
              </a:rPr>
              <a:t>Apr 6 - Apr 9</a:t>
            </a:r>
          </a:p>
        </p:txBody>
      </p:sp>
      <p:sp>
        <p:nvSpPr>
          <p:cNvPr id="185" name="OTLSHAPE_T_0b10d717b55a4f7b9933e6b721e728d7_JoinedDate">
            <a:extLst>
              <a:ext uri="{FF2B5EF4-FFF2-40B4-BE49-F238E27FC236}">
                <a16:creationId xmlns:a16="http://schemas.microsoft.com/office/drawing/2014/main" id="{D07842AB-FB1A-4E5E-AEBD-1DD383CF405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100121" y="455635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rgbClr val="44546A"/>
                </a:solidFill>
                <a:latin typeface="Calibri" panose="020F0502020204030204" pitchFamily="34" charset="0"/>
              </a:rPr>
              <a:t>Apr 7 - Apr 19</a:t>
            </a:r>
          </a:p>
        </p:txBody>
      </p:sp>
      <p:sp>
        <p:nvSpPr>
          <p:cNvPr id="186" name="OTLSHAPE_T_0b10d717b55a4f7b9933e6b721e728d7_Title">
            <a:extLst>
              <a:ext uri="{FF2B5EF4-FFF2-40B4-BE49-F238E27FC236}">
                <a16:creationId xmlns:a16="http://schemas.microsoft.com/office/drawing/2014/main" id="{205780C5-9431-4B26-8977-8DB4EC0B2A5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623767" y="456541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</a:p>
        </p:txBody>
      </p:sp>
      <p:sp>
        <p:nvSpPr>
          <p:cNvPr id="187" name="OTLSHAPE_T_8b4e88209fc04cd8ab1b757249a7d7c0_JoinedDate">
            <a:extLst>
              <a:ext uri="{FF2B5EF4-FFF2-40B4-BE49-F238E27FC236}">
                <a16:creationId xmlns:a16="http://schemas.microsoft.com/office/drawing/2014/main" id="{D931E9D8-B977-4454-AC18-5C434E87050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454158" y="489925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rgbClr val="44546A"/>
                </a:solidFill>
                <a:latin typeface="Calibri" panose="020F0502020204030204" pitchFamily="34" charset="0"/>
              </a:rPr>
              <a:t>Apr 15 - Apr 22</a:t>
            </a:r>
          </a:p>
        </p:txBody>
      </p:sp>
      <p:sp>
        <p:nvSpPr>
          <p:cNvPr id="188" name="OTLSHAPE_T_8b4e88209fc04cd8ab1b757249a7d7c0_Title">
            <a:extLst>
              <a:ext uri="{FF2B5EF4-FFF2-40B4-BE49-F238E27FC236}">
                <a16:creationId xmlns:a16="http://schemas.microsoft.com/office/drawing/2014/main" id="{39B83819-AE3C-4064-B7FD-3E0DB3F5683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579687" y="4891509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pic>
        <p:nvPicPr>
          <p:cNvPr id="189" name="Picture 188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CE41DC15-75C0-423F-8092-ACC0B85F1366}"/>
              </a:ext>
            </a:extLst>
          </p:cNvPr>
          <p:cNvPicPr>
            <a:picLocks noChangeAspect="1"/>
          </p:cNvPicPr>
          <p:nvPr/>
        </p:nvPicPr>
        <p:blipFill>
          <a:blip r:embed="rId59"/>
          <a:stretch>
            <a:fillRect/>
          </a:stretch>
        </p:blipFill>
        <p:spPr>
          <a:xfrm>
            <a:off x="8373067" y="350163"/>
            <a:ext cx="1727054" cy="1271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319599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7246" y="777094"/>
            <a:ext cx="5596117" cy="966170"/>
          </a:xfrm>
        </p:spPr>
        <p:txBody>
          <a:bodyPr>
            <a:normAutofit/>
          </a:bodyPr>
          <a:lstStyle/>
          <a:p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4. Need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BE75E95A-A6B3-43C7-A552-1EAFCCA0A1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526795" y="1959883"/>
            <a:ext cx="7853545" cy="3014789"/>
          </a:xfrm>
        </p:spPr>
        <p:txBody>
          <a:bodyPr>
            <a:no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Give extra income to people who are passionate about cook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vide a platform for self employm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eople do not have to worry about restaurant licensing and regulation if they can sell their food from hom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eople will have access to home made healthy food in a reasonable price</a:t>
            </a:r>
          </a:p>
          <a:p>
            <a:endParaRPr lang="en-US" sz="24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sz="24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83574" y="159391"/>
            <a:ext cx="1665987" cy="14680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617722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523" y="798866"/>
            <a:ext cx="5596117" cy="966170"/>
          </a:xfrm>
        </p:spPr>
        <p:txBody>
          <a:bodyPr>
            <a:norm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5. Startup process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BE75E95A-A6B3-43C7-A552-1EAFCCA0A1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32501" y="1959883"/>
            <a:ext cx="8047840" cy="3495325"/>
          </a:xfrm>
        </p:spPr>
        <p:txBody>
          <a:bodyPr>
            <a:no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“Most business fails without proper business planning” SBA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Requires series of legal activities and Does not require huge capital to start a company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mall Business Administration in the US helps startup company in term of registration and liability protection as well as loan servic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Registered company requires license and permit along with the tax ID called EIN (Employer Identification Number)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45419" y="192947"/>
            <a:ext cx="1624042" cy="13506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758786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523" y="798866"/>
            <a:ext cx="5596117" cy="966170"/>
          </a:xfrm>
        </p:spPr>
        <p:txBody>
          <a:bodyPr>
            <a:norm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6. Target Audience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BE75E95A-A6B3-43C7-A552-1EAFCCA0A1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48943" y="1793551"/>
            <a:ext cx="8047840" cy="3495325"/>
          </a:xfrm>
        </p:spPr>
        <p:txBody>
          <a:bodyPr>
            <a:no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pecific target to college students, young adults, parents and working professional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 the food delivery business, most popular demographic are college students and young adults (Baldwin, 2018)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itness concern use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ser who are looking for self employment including parents, and laid off employ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“Self-employment is often perceived to be a desperate effort of workers who have been laid off and unable to find work again”</a:t>
            </a:r>
            <a:r>
              <a:rPr lang="da-DK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(Goetz and et al. 2012).</a:t>
            </a:r>
            <a:r>
              <a:rPr lang="en-US" sz="20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53808" y="119358"/>
            <a:ext cx="1590486" cy="14497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785479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B17EDBE-4FB7-472F-B26B-EB9ECD77B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523" y="798866"/>
            <a:ext cx="5596117" cy="966170"/>
          </a:xfrm>
        </p:spPr>
        <p:txBody>
          <a:bodyPr>
            <a:normAutofit/>
          </a:bodyPr>
          <a:lstStyle/>
          <a:p>
            <a:pPr lvl="0"/>
            <a:r>
              <a:rPr lang="en-US" sz="43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7. Competition Analysis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BE75E95A-A6B3-43C7-A552-1EAFCCA0A1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23277" y="2560076"/>
            <a:ext cx="1109821" cy="365126"/>
          </a:xfrm>
        </p:spPr>
        <p:txBody>
          <a:bodyPr>
            <a:noAutofit/>
          </a:bodyPr>
          <a:lstStyle/>
          <a:p>
            <a:pPr lvl="1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Vs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A5CEF4C1-04B1-4BCC-8146-CC987138887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sz="1200">
                <a:latin typeface="Times New Roman" panose="02020603050405020304" pitchFamily="18" charset="0"/>
                <a:cs typeface="Times New Roman" panose="02020603050405020304" pitchFamily="18" charset="0"/>
              </a:rPr>
              <a:t>Home Foods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C427CAEE-862D-4FE1-99F2-70274992024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EA792F7-1D9E-4C7E-A103-E8EDFDC2691E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3" name="Picture 2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6F712B39-5A8D-4191-A579-6BB3F77A22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53808" y="33090"/>
            <a:ext cx="1674375" cy="1614034"/>
          </a:xfrm>
          <a:prstGeom prst="rect">
            <a:avLst/>
          </a:prstGeom>
        </p:spPr>
      </p:pic>
      <p:graphicFrame>
        <p:nvGraphicFramePr>
          <p:cNvPr id="41" name="Table 41">
            <a:extLst>
              <a:ext uri="{FF2B5EF4-FFF2-40B4-BE49-F238E27FC236}">
                <a16:creationId xmlns:a16="http://schemas.microsoft.com/office/drawing/2014/main" id="{76F8CD9E-6323-4BE5-AF1B-7E3FF203FF9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82998269"/>
              </p:ext>
            </p:extLst>
          </p:nvPr>
        </p:nvGraphicFramePr>
        <p:xfrm>
          <a:off x="1025472" y="1945462"/>
          <a:ext cx="10367952" cy="365066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934436">
                  <a:extLst>
                    <a:ext uri="{9D8B030D-6E8A-4147-A177-3AD203B41FA5}">
                      <a16:colId xmlns:a16="http://schemas.microsoft.com/office/drawing/2014/main" val="4151353231"/>
                    </a:ext>
                  </a:extLst>
                </a:gridCol>
                <a:gridCol w="4433516">
                  <a:extLst>
                    <a:ext uri="{9D8B030D-6E8A-4147-A177-3AD203B41FA5}">
                      <a16:colId xmlns:a16="http://schemas.microsoft.com/office/drawing/2014/main" val="1764946062"/>
                    </a:ext>
                  </a:extLst>
                </a:gridCol>
              </a:tblGrid>
              <a:tr h="1301285"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03964914"/>
                  </a:ext>
                </a:extLst>
              </a:tr>
              <a:tr h="569767"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Delivery service from Restaurant to Custom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Delivery service from home to us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74414482"/>
                  </a:ext>
                </a:extLst>
              </a:tr>
              <a:tr h="569767"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Local restaurant as well as customer will pay them for servi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Only a user who sell will pay the app servic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33473718"/>
                  </a:ext>
                </a:extLst>
              </a:tr>
              <a:tr h="569767"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Employed food delivery people onl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Encourage self employment and employ delivery people as well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37403448"/>
                  </a:ext>
                </a:extLst>
              </a:tr>
              <a:tr h="569767"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Service centric ap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Service as well as social media centric app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4029660"/>
                  </a:ext>
                </a:extLst>
              </a:tr>
            </a:tbl>
          </a:graphicData>
        </a:graphic>
      </p:graphicFrame>
      <p:pic>
        <p:nvPicPr>
          <p:cNvPr id="42" name="Picture 41" descr="A picture containing logo&#10;&#10;Description automatically generated">
            <a:extLst>
              <a:ext uri="{FF2B5EF4-FFF2-40B4-BE49-F238E27FC236}">
                <a16:creationId xmlns:a16="http://schemas.microsoft.com/office/drawing/2014/main" id="{8D25A428-E41B-4FA8-818B-B3783CB4E7A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1162154" y="2207081"/>
            <a:ext cx="1004973" cy="837990"/>
          </a:xfrm>
          <a:prstGeom prst="rect">
            <a:avLst/>
          </a:prstGeom>
        </p:spPr>
      </p:pic>
      <p:pic>
        <p:nvPicPr>
          <p:cNvPr id="14" name="Picture 13" descr="Logo&#10;&#10;Description automatically generated with medium confidence">
            <a:extLst>
              <a:ext uri="{FF2B5EF4-FFF2-40B4-BE49-F238E27FC236}">
                <a16:creationId xmlns:a16="http://schemas.microsoft.com/office/drawing/2014/main" id="{99A82D92-56FC-4B90-AB82-CD70C9512A2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837473B0-CC2E-450A-ABE3-18F120FF3D39}">
                <a1611:picAttrSrcUrl xmlns:a1611="http://schemas.microsoft.com/office/drawing/2016/11/main" r:id="rId7"/>
              </a:ext>
            </a:extLst>
          </a:blip>
          <a:stretch>
            <a:fillRect/>
          </a:stretch>
        </p:blipFill>
        <p:spPr>
          <a:xfrm>
            <a:off x="2335201" y="2207081"/>
            <a:ext cx="1202755" cy="837990"/>
          </a:xfrm>
          <a:prstGeom prst="rect">
            <a:avLst/>
          </a:prstGeom>
        </p:spPr>
      </p:pic>
      <p:pic>
        <p:nvPicPr>
          <p:cNvPr id="17" name="Picture 16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CFB144C6-049D-443A-BC49-6DC01C815F28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837473B0-CC2E-450A-ABE3-18F120FF3D39}">
                <a1611:picAttrSrcUrl xmlns:a1611="http://schemas.microsoft.com/office/drawing/2016/11/main" r:id="rId9"/>
              </a:ext>
            </a:extLst>
          </a:blip>
          <a:stretch>
            <a:fillRect/>
          </a:stretch>
        </p:blipFill>
        <p:spPr>
          <a:xfrm>
            <a:off x="3881283" y="2124904"/>
            <a:ext cx="1109821" cy="1002344"/>
          </a:xfrm>
          <a:prstGeom prst="rect">
            <a:avLst/>
          </a:prstGeom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id="{D06E9097-6867-4C2C-A90C-E11463F3B94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5323277" y="2264453"/>
            <a:ext cx="1444877" cy="660749"/>
          </a:xfrm>
          <a:prstGeom prst="rect">
            <a:avLst/>
          </a:prstGeom>
        </p:spPr>
      </p:pic>
      <p:pic>
        <p:nvPicPr>
          <p:cNvPr id="44" name="Picture 43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5745107D-9CA3-41BA-8D84-67E4EF1E215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28670" y="1991322"/>
            <a:ext cx="1885950" cy="12070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46694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QUICKPOSITION" val="Bottom"/>
  <p:tag name="OTLTIMEBANDSHAPETYPE" val="RectangleTimebandPhase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4-22T23:59:00.000000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3T00:00:00.0000000"/>
  <p:tag name="OTLENDDATE" val="2021-02-17T23:59:00.0000000"/>
  <p:tag name="OTLDURATIONFORMAT" val="day"/>
  <p:tag name="OTLSPACING" val="5"/>
  <p:tag name="OTLSHAPETHICKNESSTYPE" val="Thick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8T00:00:00.0000000"/>
  <p:tag name="OTLENDDATE" val="2021-02-24T23:59:00.0000000"/>
  <p:tag name="OTLDURATIONFORMAT" val="day"/>
  <p:tag name="OTLSPACING" val="5"/>
  <p:tag name="OTLSHAPETHICKNESSTYPE" val="Thick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5T00:00:00.0000000"/>
  <p:tag name="OTLENDDATE" val="2021-03-11T23:59:00.0000000"/>
  <p:tag name="OTLDURATIONFORMAT" val="day"/>
  <p:tag name="OTLSPACING" val="5"/>
  <p:tag name="OTLSHAPETHICKNESSTYPE" val="Thick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2T00:00:00.0000000"/>
  <p:tag name="OTLENDDATE" val="2021-03-24T23:59:00.0000000"/>
  <p:tag name="OTLDURATIONFORMAT" val="day"/>
  <p:tag name="OTLSPACING" val="5"/>
  <p:tag name="OTLSHAPETHICKNESSTYPE" val="Thick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5T00:00:00.0000000"/>
  <p:tag name="OTLENDDATE" val="2021-04-01T23:59:00.0000000"/>
  <p:tag name="OTLDURATIONFORMAT" val="day"/>
  <p:tag name="OTLSPACING" val="5"/>
  <p:tag name="OTLSHAPETHICKNESSTYPE" val="Thick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2T00:00:00.0000000"/>
  <p:tag name="OTLENDDATE" val="2021-04-05T23:59:00.0000000"/>
  <p:tag name="OTLDURATIONFORMAT" val="day"/>
  <p:tag name="OTLSPACING" val="5"/>
  <p:tag name="OTLSHAPETHICKNESSTYPE" val="Thick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6T00:00:00.0000000"/>
  <p:tag name="OTLENDDATE" val="2021-04-09T23:59:00.0000000"/>
  <p:tag name="OTLDURATIONFORMAT" val="day"/>
  <p:tag name="OTLSPACING" val="5"/>
  <p:tag name="OTLSHAPETHICKNESSTYPE" val="Thick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7T00:00:00.0000000"/>
  <p:tag name="OTLENDDATE" val="2021-04-19T23:59:00.0000000"/>
  <p:tag name="OTLDURATIONFORMAT" val="day"/>
  <p:tag name="OTLSPACING" val="5"/>
  <p:tag name="OTLSHAPETHICKNESSTYPE" val="Thick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5T00:00:00.0000000Z"/>
  <p:tag name="OTLENDDATE" val="2021-04-22T23:59:00.0000000Z"/>
  <p:tag name="OTLDURATIONFORMAT" val="day"/>
  <p:tag name="OTLSPACING" val="5"/>
  <p:tag name="OTLSHAPETHICKNESSTYPE" val="Thick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etrospect">
  <a:themeElements>
    <a:clrScheme name="Retrospect">
      <a:dk1>
        <a:srgbClr val="000000"/>
      </a:dk1>
      <a:lt1>
        <a:sysClr val="window" lastClr="FFFFFF"/>
      </a:lt1>
      <a:dk2>
        <a:srgbClr val="637052"/>
      </a:dk2>
      <a:lt2>
        <a:srgbClr val="CCDDEA"/>
      </a:lt2>
      <a:accent1>
        <a:srgbClr val="E48312"/>
      </a:accent1>
      <a:accent2>
        <a:srgbClr val="BD582C"/>
      </a:accent2>
      <a:accent3>
        <a:srgbClr val="865640"/>
      </a:accent3>
      <a:accent4>
        <a:srgbClr val="9B8357"/>
      </a:accent4>
      <a:accent5>
        <a:srgbClr val="C2BC80"/>
      </a:accent5>
      <a:accent6>
        <a:srgbClr val="94A088"/>
      </a:accent6>
      <a:hlink>
        <a:srgbClr val="2998E3"/>
      </a:hlink>
      <a:folHlink>
        <a:srgbClr val="8C8C8C"/>
      </a:folHlink>
    </a:clrScheme>
    <a:fontScheme name="Retrospect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Retrospec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3F1AAB62-24C6-49D2-8E01-B56FAC9A3DC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8" ma:contentTypeDescription="Create a new document." ma:contentTypeScope="" ma:versionID="22a266b9fa9a230c5a512669d8b298c3">
  <xsd:schema xmlns:xsd="http://www.w3.org/2001/XMLSchema" xmlns:xs="http://www.w3.org/2001/XMLSchema" xmlns:p="http://schemas.microsoft.com/office/2006/metadata/properties" xmlns:ns1="http://schemas.microsoft.com/sharepoint/v3" xmlns:ns2="71af3243-3dd4-4a8d-8c0d-dd76da1f02a5" xmlns:ns3="16c05727-aa75-4e4a-9b5f-8a80a1165891" xmlns:ns4="230e9df3-be65-4c73-a93b-d1236ebd677e" targetNamespace="http://schemas.microsoft.com/office/2006/metadata/properties" ma:root="true" ma:fieldsID="eddc33fff6b14141ee5c74a0d29ea6a1" ns1:_="" ns2:_="" ns3:_="" ns4:_="">
    <xsd:import namespace="http://schemas.microsoft.com/sharepoint/v3"/>
    <xsd:import namespace="71af3243-3dd4-4a8d-8c0d-dd76da1f02a5"/>
    <xsd:import namespace="16c05727-aa75-4e4a-9b5f-8a80a1165891"/>
    <xsd:import namespace="230e9df3-be65-4c73-a93b-d1236ebd677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Status" minOccurs="0"/>
                <xsd:element ref="ns1:_ip_UnifiedCompliancePolicyProperties" minOccurs="0"/>
                <xsd:element ref="ns1:_ip_UnifiedCompliancePolicyUIAction" minOccurs="0"/>
                <xsd:element ref="ns2:Image" minOccurs="0"/>
                <xsd:element ref="ns2:lcf76f155ced4ddcb4097134ff3c332f" minOccurs="0"/>
                <xsd:element ref="ns4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_ip_UnifiedCompliancePolicyProperties" ma:index="20" nillable="true" ma:displayName="Unified Compliance Policy Properties" ma:hidden="true" ma:internalName="_ip_UnifiedCompliancePolicyProperties">
      <xsd:simpleType>
        <xsd:restriction base="dms:Note"/>
      </xsd:simpleType>
    </xsd:element>
    <xsd:element name="_ip_UnifiedCompliancePolicyUIAction" ma:index="21" nillable="true" ma:displayName="Unified Compliance Policy UI Action" ma:hidden="true" ma:internalName="_ip_UnifiedCompliancePolicyUIAction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Status" ma:index="19" nillable="true" ma:displayName="Status" ma:default="Not started" ma:format="Dropdown" ma:internalName="Status">
      <xsd:simpleType>
        <xsd:restriction base="dms:Choice">
          <xsd:enumeration value="Not started"/>
          <xsd:enumeration value="In Progress"/>
          <xsd:enumeration value="Completed"/>
        </xsd:restriction>
      </xsd:simpleType>
    </xsd:element>
    <xsd:element name="Image" ma:index="22" nillable="true" ma:displayName="Image" ma:format="Image" ma:internalName="Imag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lcf76f155ced4ddcb4097134ff3c332f" ma:index="24" nillable="true" ma:taxonomy="true" ma:internalName="lcf76f155ced4ddcb4097134ff3c332f" ma:taxonomyFieldName="MediaServiceAITags" ma:displayName="Image Tags" ma:readOnly="false" ma:fieldId="{5cf76f15-5ced-4ddc-b409-7134ff3c332f}" ma:taxonomyMulti="true" ma:sspId="e385fb40-52d4-4fae-9c5b-3e8ff8a5878e" ma:termSetId="09814cd3-568e-4e90-9814-8d621ff8fb84" ma:anchorId="00000000-0000-0000-0000-000000000000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30e9df3-be65-4c73-a93b-d1236ebd677e" elementFormDefault="qualified">
    <xsd:import namespace="http://schemas.microsoft.com/office/2006/documentManagement/types"/>
    <xsd:import namespace="http://schemas.microsoft.com/office/infopath/2007/PartnerControls"/>
    <xsd:element name="TaxCatchAll" ma:index="25" nillable="true" ma:displayName="Taxonomy Catch All Column" ma:hidden="true" ma:list="{3f6bfcbc-3db3-4ae6-bd76-326f0798ad28}" ma:internalName="TaxCatchAll" ma:showField="CatchAllData" ma:web="16c05727-aa75-4e4a-9b5f-8a80a116589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ip_UnifiedCompliancePolicyUIAction xmlns="http://schemas.microsoft.com/sharepoint/v3" xsi:nil="true"/>
    <Image xmlns="71af3243-3dd4-4a8d-8c0d-dd76da1f02a5">
      <Url xsi:nil="true"/>
      <Description xsi:nil="true"/>
    </Image>
    <Status xmlns="71af3243-3dd4-4a8d-8c0d-dd76da1f02a5">Not started</Status>
    <_ip_UnifiedCompliancePolicyProperties xmlns="http://schemas.microsoft.com/sharepoint/v3" xsi:nil="true"/>
    <lcf76f155ced4ddcb4097134ff3c332f xmlns="71af3243-3dd4-4a8d-8c0d-dd76da1f02a5">
      <Terms xmlns="http://schemas.microsoft.com/office/infopath/2007/PartnerControls"/>
    </lcf76f155ced4ddcb4097134ff3c332f>
    <TaxCatchAll xmlns="230e9df3-be65-4c73-a93b-d1236ebd677e"/>
    <MediaServiceKeyPoints xmlns="71af3243-3dd4-4a8d-8c0d-dd76da1f02a5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6292DCC9-928C-4FAE-A49E-0F1AC6C10D8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71af3243-3dd4-4a8d-8c0d-dd76da1f02a5"/>
    <ds:schemaRef ds:uri="16c05727-aa75-4e4a-9b5f-8a80a1165891"/>
    <ds:schemaRef ds:uri="230e9df3-be65-4c73-a93b-d1236ebd677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D69C5E83-33D9-4150-939F-50A6208AC3A6}">
  <ds:schemaRefs>
    <ds:schemaRef ds:uri="http://schemas.microsoft.com/office/2006/metadata/properties"/>
    <ds:schemaRef ds:uri="http://schemas.microsoft.com/office/infopath/2007/PartnerControls"/>
    <ds:schemaRef ds:uri="http://schemas.microsoft.com/sharepoint/v3"/>
    <ds:schemaRef ds:uri="71af3243-3dd4-4a8d-8c0d-dd76da1f02a5"/>
    <ds:schemaRef ds:uri="230e9df3-be65-4c73-a93b-d1236ebd677e"/>
  </ds:schemaRefs>
</ds:datastoreItem>
</file>

<file path=customXml/itemProps3.xml><?xml version="1.0" encoding="utf-8"?>
<ds:datastoreItem xmlns:ds="http://schemas.openxmlformats.org/officeDocument/2006/customXml" ds:itemID="{8BAAD304-2F93-484D-AB63-54EA4F7407AA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f42aa342-8706-4288-bd11-ebb85995028c}" enabled="1" method="Standard" siteId="{72f988bf-86f1-41af-91ab-2d7cd011db47}" contentBits="0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Retrospect</Template>
  <TotalTime>908</TotalTime>
  <Words>1190</Words>
  <Application>Microsoft Office PowerPoint</Application>
  <PresentationFormat>Widescreen</PresentationFormat>
  <Paragraphs>198</Paragraphs>
  <Slides>20</Slides>
  <Notes>2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6" baseType="lpstr">
      <vt:lpstr>Arial</vt:lpstr>
      <vt:lpstr>Calibri</vt:lpstr>
      <vt:lpstr>Calibri Light</vt:lpstr>
      <vt:lpstr>Source Sans Pro</vt:lpstr>
      <vt:lpstr>Times New Roman</vt:lpstr>
      <vt:lpstr>Retrospect</vt:lpstr>
      <vt:lpstr>Home Foods</vt:lpstr>
      <vt:lpstr>Content</vt:lpstr>
      <vt:lpstr>1. Problem Statement</vt:lpstr>
      <vt:lpstr>2. Objective Statements</vt:lpstr>
      <vt:lpstr>3. Project Timeline</vt:lpstr>
      <vt:lpstr>4. Need</vt:lpstr>
      <vt:lpstr>5. Startup process</vt:lpstr>
      <vt:lpstr>6. Target Audience</vt:lpstr>
      <vt:lpstr>7. Competition Analysis</vt:lpstr>
      <vt:lpstr>8. Customer Acquisition Model</vt:lpstr>
      <vt:lpstr>9. Brand Voice</vt:lpstr>
      <vt:lpstr>10. Requirement Analysis</vt:lpstr>
      <vt:lpstr>11. Case Diagram</vt:lpstr>
      <vt:lpstr>12.  App user Flow Chart</vt:lpstr>
      <vt:lpstr>13. ER Diagram for Database</vt:lpstr>
      <vt:lpstr>14. App Sample Prototype</vt:lpstr>
      <vt:lpstr>15. Prototype demonstration </vt:lpstr>
      <vt:lpstr>16. Reference</vt:lpstr>
      <vt:lpstr>Special Thank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ome Foods</dc:title>
  <dc:creator>Anjan</dc:creator>
  <cp:lastModifiedBy>Anjan</cp:lastModifiedBy>
  <cp:revision>31</cp:revision>
  <dcterms:created xsi:type="dcterms:W3CDTF">2021-04-14T17:43:17Z</dcterms:created>
  <dcterms:modified xsi:type="dcterms:W3CDTF">2021-04-15T22:37:5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